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9"/>
  </p:sldMasterIdLst>
  <p:notesMasterIdLst>
    <p:notesMasterId r:id="rId44"/>
  </p:notesMasterIdLst>
  <p:handoutMasterIdLst>
    <p:handoutMasterId r:id="rId45"/>
  </p:handoutMasterIdLst>
  <p:sldIdLst>
    <p:sldId id="256" r:id="rId10"/>
    <p:sldId id="306" r:id="rId11"/>
    <p:sldId id="983" r:id="rId12"/>
    <p:sldId id="988" r:id="rId13"/>
    <p:sldId id="268" r:id="rId14"/>
    <p:sldId id="262" r:id="rId15"/>
    <p:sldId id="994" r:id="rId16"/>
    <p:sldId id="259" r:id="rId17"/>
    <p:sldId id="257" r:id="rId18"/>
    <p:sldId id="995" r:id="rId19"/>
    <p:sldId id="258" r:id="rId20"/>
    <p:sldId id="270" r:id="rId21"/>
    <p:sldId id="996" r:id="rId22"/>
    <p:sldId id="271" r:id="rId23"/>
    <p:sldId id="999" r:id="rId24"/>
    <p:sldId id="305" r:id="rId25"/>
    <p:sldId id="985" r:id="rId26"/>
    <p:sldId id="1000" r:id="rId27"/>
    <p:sldId id="308" r:id="rId28"/>
    <p:sldId id="986" r:id="rId29"/>
    <p:sldId id="992" r:id="rId30"/>
    <p:sldId id="993" r:id="rId31"/>
    <p:sldId id="984" r:id="rId32"/>
    <p:sldId id="315" r:id="rId33"/>
    <p:sldId id="987" r:id="rId34"/>
    <p:sldId id="316" r:id="rId35"/>
    <p:sldId id="989" r:id="rId36"/>
    <p:sldId id="317" r:id="rId37"/>
    <p:sldId id="312" r:id="rId38"/>
    <p:sldId id="313" r:id="rId39"/>
    <p:sldId id="302" r:id="rId40"/>
    <p:sldId id="318" r:id="rId41"/>
    <p:sldId id="997" r:id="rId42"/>
    <p:sldId id="1001" r:id="rId43"/>
  </p:sldIdLst>
  <p:sldSz cx="12192000" cy="6858000"/>
  <p:notesSz cx="6858000" cy="9144000"/>
  <p:embeddedFontLst>
    <p:embeddedFont>
      <p:font typeface="AA Zuehlke" panose="02000503060000020004" pitchFamily="2" charset="0"/>
      <p:regular r:id="rId46"/>
      <p:italic r:id="rId47"/>
    </p:embeddedFont>
    <p:embeddedFont>
      <p:font typeface="AA Zuehlke Medium" panose="02000603060000020004" pitchFamily="2" charset="0"/>
      <p:regular r:id="rId48"/>
      <p:italic r:id="rId49"/>
    </p:embeddedFont>
    <p:embeddedFont>
      <p:font typeface="Calibri" panose="020F0502020204030204" pitchFamily="34" charset="0"/>
      <p:regular r:id="rId50"/>
      <p:bold r:id="rId51"/>
      <p:italic r:id="rId52"/>
      <p:boldItalic r:id="rId53"/>
    </p:embeddedFont>
  </p:embeddedFontLst>
  <p:custDataLst>
    <p:tags r:id="rId54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DE15"/>
    <a:srgbClr val="001848"/>
    <a:srgbClr val="000714"/>
    <a:srgbClr val="EDDD11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7" autoAdjust="0"/>
    <p:restoredTop sz="86925" autoAdjust="0"/>
  </p:normalViewPr>
  <p:slideViewPr>
    <p:cSldViewPr showGuides="1">
      <p:cViewPr>
        <p:scale>
          <a:sx n="78" d="100"/>
          <a:sy n="78" d="100"/>
        </p:scale>
        <p:origin x="869" y="16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slide" Target="slides/slide30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slide" Target="slides/slide33.xml"/><Relationship Id="rId47" Type="http://schemas.openxmlformats.org/officeDocument/2006/relationships/font" Target="fonts/font2.fntdata"/><Relationship Id="rId50" Type="http://schemas.openxmlformats.org/officeDocument/2006/relationships/font" Target="fonts/font5.fntdata"/><Relationship Id="rId55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46" Type="http://schemas.openxmlformats.org/officeDocument/2006/relationships/font" Target="fonts/font1.fntdata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slide" Target="slides/slide32.xml"/><Relationship Id="rId54" Type="http://schemas.openxmlformats.org/officeDocument/2006/relationships/tags" Target="tags/tag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slide" Target="slides/slide31.xml"/><Relationship Id="rId45" Type="http://schemas.openxmlformats.org/officeDocument/2006/relationships/handoutMaster" Target="handoutMasters/handoutMaster1.xml"/><Relationship Id="rId53" Type="http://schemas.openxmlformats.org/officeDocument/2006/relationships/font" Target="fonts/font8.fntdata"/><Relationship Id="rId58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49" Type="http://schemas.openxmlformats.org/officeDocument/2006/relationships/font" Target="fonts/font4.fntdata"/><Relationship Id="rId57" Type="http://schemas.openxmlformats.org/officeDocument/2006/relationships/theme" Target="theme/theme1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4" Type="http://schemas.openxmlformats.org/officeDocument/2006/relationships/notesMaster" Target="notesMasters/notesMaster1.xml"/><Relationship Id="rId52" Type="http://schemas.openxmlformats.org/officeDocument/2006/relationships/font" Target="fonts/font7.fntdata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slide" Target="slides/slide34.xml"/><Relationship Id="rId48" Type="http://schemas.openxmlformats.org/officeDocument/2006/relationships/font" Target="fonts/font3.fntdata"/><Relationship Id="rId56" Type="http://schemas.openxmlformats.org/officeDocument/2006/relationships/viewProps" Target="viewProps.xml"/><Relationship Id="rId8" Type="http://schemas.openxmlformats.org/officeDocument/2006/relationships/customXml" Target="../customXml/item8.xml"/><Relationship Id="rId51" Type="http://schemas.openxmlformats.org/officeDocument/2006/relationships/font" Target="fonts/font6.fntdata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4EFAB84-E586-483E-9A64-23EDBC95F3C5}" type="doc">
      <dgm:prSet loTypeId="urn:microsoft.com/office/officeart/2005/8/layout/cycle7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5E9AB0FA-D726-48AB-9A94-DB9754B544FA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Confidentiality</a:t>
          </a:r>
          <a:endParaRPr lang="sr-Latn-RS" dirty="0"/>
        </a:p>
        <a:p>
          <a:r>
            <a:rPr lang="sr-Latn-RS" dirty="0"/>
            <a:t>(Poverljivost)</a:t>
          </a:r>
          <a:endParaRPr lang="en-GB" dirty="0"/>
        </a:p>
      </dgm:t>
    </dgm:pt>
    <dgm:pt modelId="{68930B2D-7FE8-4D2E-9A2A-765D3601676B}" type="parTrans" cxnId="{08C32DE1-E8F5-49F6-A60D-B314D8553381}">
      <dgm:prSet/>
      <dgm:spPr/>
      <dgm:t>
        <a:bodyPr/>
        <a:lstStyle/>
        <a:p>
          <a:endParaRPr lang="en-GB"/>
        </a:p>
      </dgm:t>
    </dgm:pt>
    <dgm:pt modelId="{98A4474D-85A1-4E5E-9A47-D437DA0B11D9}" type="sibTrans" cxnId="{08C32DE1-E8F5-49F6-A60D-B314D8553381}">
      <dgm:prSet/>
      <dgm:spPr/>
      <dgm:t>
        <a:bodyPr/>
        <a:lstStyle/>
        <a:p>
          <a:endParaRPr lang="en-GB"/>
        </a:p>
      </dgm:t>
    </dgm:pt>
    <dgm:pt modelId="{D390A155-A2A7-45F6-B6BB-0FBD85641D38}">
      <dgm:prSet phldrT="[Text]"/>
      <dgm:spPr/>
      <dgm:t>
        <a:bodyPr/>
        <a:lstStyle/>
        <a:p>
          <a:r>
            <a:rPr lang="en-GB"/>
            <a:t>Availability</a:t>
          </a:r>
          <a:endParaRPr lang="sr-Latn-RS"/>
        </a:p>
        <a:p>
          <a:r>
            <a:rPr lang="sr-Latn-RS"/>
            <a:t>(Dostupnost)</a:t>
          </a:r>
          <a:endParaRPr lang="en-GB"/>
        </a:p>
      </dgm:t>
    </dgm:pt>
    <dgm:pt modelId="{5D430F82-4675-438A-B67D-0AB9DC9ECEE1}" type="parTrans" cxnId="{2A8F4D53-CC6C-4CB9-8799-2E6DFEAF37E1}">
      <dgm:prSet/>
      <dgm:spPr/>
      <dgm:t>
        <a:bodyPr/>
        <a:lstStyle/>
        <a:p>
          <a:endParaRPr lang="en-GB"/>
        </a:p>
      </dgm:t>
    </dgm:pt>
    <dgm:pt modelId="{2AB86FB6-439C-42A9-89EC-A58ED4722840}" type="sibTrans" cxnId="{2A8F4D53-CC6C-4CB9-8799-2E6DFEAF37E1}">
      <dgm:prSet/>
      <dgm:spPr/>
      <dgm:t>
        <a:bodyPr/>
        <a:lstStyle/>
        <a:p>
          <a:endParaRPr lang="en-GB"/>
        </a:p>
      </dgm:t>
    </dgm:pt>
    <dgm:pt modelId="{39F0F822-299A-4555-9F6D-657EA600834C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Integrity</a:t>
          </a:r>
          <a:endParaRPr lang="sr-Latn-RS" dirty="0"/>
        </a:p>
        <a:p>
          <a:r>
            <a:rPr lang="sr-Latn-RS" dirty="0"/>
            <a:t>(Integritet)</a:t>
          </a:r>
          <a:endParaRPr lang="en-GB" dirty="0"/>
        </a:p>
      </dgm:t>
    </dgm:pt>
    <dgm:pt modelId="{951ADD70-3AE8-4A81-8633-5948B9C1BAA1}" type="sibTrans" cxnId="{FB2E0846-375E-4A25-9896-ADB140FA2A7F}">
      <dgm:prSet/>
      <dgm:spPr/>
      <dgm:t>
        <a:bodyPr/>
        <a:lstStyle/>
        <a:p>
          <a:endParaRPr lang="en-GB"/>
        </a:p>
      </dgm:t>
    </dgm:pt>
    <dgm:pt modelId="{11917E33-6A70-44D0-8D1E-E88D4F162FF7}" type="parTrans" cxnId="{FB2E0846-375E-4A25-9896-ADB140FA2A7F}">
      <dgm:prSet/>
      <dgm:spPr/>
      <dgm:t>
        <a:bodyPr/>
        <a:lstStyle/>
        <a:p>
          <a:endParaRPr lang="en-GB"/>
        </a:p>
      </dgm:t>
    </dgm:pt>
    <dgm:pt modelId="{81EA6325-8C56-4D35-A336-5B81378D68FB}" type="pres">
      <dgm:prSet presAssocID="{A4EFAB84-E586-483E-9A64-23EDBC95F3C5}" presName="Name0" presStyleCnt="0">
        <dgm:presLayoutVars>
          <dgm:dir/>
          <dgm:resizeHandles val="exact"/>
        </dgm:presLayoutVars>
      </dgm:prSet>
      <dgm:spPr/>
    </dgm:pt>
    <dgm:pt modelId="{157D68C3-C836-441F-94F2-EF996B02DA0A}" type="pres">
      <dgm:prSet presAssocID="{5E9AB0FA-D726-48AB-9A94-DB9754B544FA}" presName="node" presStyleLbl="node1" presStyleIdx="0" presStyleCnt="3">
        <dgm:presLayoutVars>
          <dgm:bulletEnabled val="1"/>
        </dgm:presLayoutVars>
      </dgm:prSet>
      <dgm:spPr/>
    </dgm:pt>
    <dgm:pt modelId="{203A6C85-A5AC-4980-AF25-5CAFB3728B67}" type="pres">
      <dgm:prSet presAssocID="{98A4474D-85A1-4E5E-9A47-D437DA0B11D9}" presName="sibTrans" presStyleLbl="sibTrans2D1" presStyleIdx="0" presStyleCnt="3"/>
      <dgm:spPr/>
    </dgm:pt>
    <dgm:pt modelId="{A7BDC8F1-5A81-41D3-A01F-B973B3F5C874}" type="pres">
      <dgm:prSet presAssocID="{98A4474D-85A1-4E5E-9A47-D437DA0B11D9}" presName="connectorText" presStyleLbl="sibTrans2D1" presStyleIdx="0" presStyleCnt="3"/>
      <dgm:spPr/>
    </dgm:pt>
    <dgm:pt modelId="{89FAB7BA-119D-4F41-A369-61A823F5B694}" type="pres">
      <dgm:prSet presAssocID="{39F0F822-299A-4555-9F6D-657EA600834C}" presName="node" presStyleLbl="node1" presStyleIdx="1" presStyleCnt="3">
        <dgm:presLayoutVars>
          <dgm:bulletEnabled val="1"/>
        </dgm:presLayoutVars>
      </dgm:prSet>
      <dgm:spPr/>
    </dgm:pt>
    <dgm:pt modelId="{55A3F525-F9BD-4588-8270-2DD8B1F0A529}" type="pres">
      <dgm:prSet presAssocID="{951ADD70-3AE8-4A81-8633-5948B9C1BAA1}" presName="sibTrans" presStyleLbl="sibTrans2D1" presStyleIdx="1" presStyleCnt="3"/>
      <dgm:spPr/>
    </dgm:pt>
    <dgm:pt modelId="{8724008C-900B-480E-A8BA-1B74401E7377}" type="pres">
      <dgm:prSet presAssocID="{951ADD70-3AE8-4A81-8633-5948B9C1BAA1}" presName="connectorText" presStyleLbl="sibTrans2D1" presStyleIdx="1" presStyleCnt="3"/>
      <dgm:spPr/>
    </dgm:pt>
    <dgm:pt modelId="{4C3DB199-CE97-4989-8C6A-8297D45F8B9A}" type="pres">
      <dgm:prSet presAssocID="{D390A155-A2A7-45F6-B6BB-0FBD85641D38}" presName="node" presStyleLbl="node1" presStyleIdx="2" presStyleCnt="3">
        <dgm:presLayoutVars>
          <dgm:bulletEnabled val="1"/>
        </dgm:presLayoutVars>
      </dgm:prSet>
      <dgm:spPr/>
    </dgm:pt>
    <dgm:pt modelId="{4DD30E35-FC6D-4AB2-B835-DBDD13D95975}" type="pres">
      <dgm:prSet presAssocID="{2AB86FB6-439C-42A9-89EC-A58ED4722840}" presName="sibTrans" presStyleLbl="sibTrans2D1" presStyleIdx="2" presStyleCnt="3"/>
      <dgm:spPr/>
    </dgm:pt>
    <dgm:pt modelId="{AB38C51E-0431-4048-B374-CD0433D57BC2}" type="pres">
      <dgm:prSet presAssocID="{2AB86FB6-439C-42A9-89EC-A58ED4722840}" presName="connectorText" presStyleLbl="sibTrans2D1" presStyleIdx="2" presStyleCnt="3"/>
      <dgm:spPr/>
    </dgm:pt>
  </dgm:ptLst>
  <dgm:cxnLst>
    <dgm:cxn modelId="{125F8220-0341-460F-A604-671FF1B49B75}" type="presOf" srcId="{A4EFAB84-E586-483E-9A64-23EDBC95F3C5}" destId="{81EA6325-8C56-4D35-A336-5B81378D68FB}" srcOrd="0" destOrd="0" presId="urn:microsoft.com/office/officeart/2005/8/layout/cycle7"/>
    <dgm:cxn modelId="{08F31122-C93C-4967-BC94-022B029BCEBF}" type="presOf" srcId="{2AB86FB6-439C-42A9-89EC-A58ED4722840}" destId="{4DD30E35-FC6D-4AB2-B835-DBDD13D95975}" srcOrd="0" destOrd="0" presId="urn:microsoft.com/office/officeart/2005/8/layout/cycle7"/>
    <dgm:cxn modelId="{ED7B5F40-1D85-4ECB-97B9-E850C3E10663}" type="presOf" srcId="{2AB86FB6-439C-42A9-89EC-A58ED4722840}" destId="{AB38C51E-0431-4048-B374-CD0433D57BC2}" srcOrd="1" destOrd="0" presId="urn:microsoft.com/office/officeart/2005/8/layout/cycle7"/>
    <dgm:cxn modelId="{9CE25B64-2403-4128-959A-1D4C62B49AA8}" type="presOf" srcId="{D390A155-A2A7-45F6-B6BB-0FBD85641D38}" destId="{4C3DB199-CE97-4989-8C6A-8297D45F8B9A}" srcOrd="0" destOrd="0" presId="urn:microsoft.com/office/officeart/2005/8/layout/cycle7"/>
    <dgm:cxn modelId="{FB2E0846-375E-4A25-9896-ADB140FA2A7F}" srcId="{A4EFAB84-E586-483E-9A64-23EDBC95F3C5}" destId="{39F0F822-299A-4555-9F6D-657EA600834C}" srcOrd="1" destOrd="0" parTransId="{11917E33-6A70-44D0-8D1E-E88D4F162FF7}" sibTransId="{951ADD70-3AE8-4A81-8633-5948B9C1BAA1}"/>
    <dgm:cxn modelId="{2A8F4D53-CC6C-4CB9-8799-2E6DFEAF37E1}" srcId="{A4EFAB84-E586-483E-9A64-23EDBC95F3C5}" destId="{D390A155-A2A7-45F6-B6BB-0FBD85641D38}" srcOrd="2" destOrd="0" parTransId="{5D430F82-4675-438A-B67D-0AB9DC9ECEE1}" sibTransId="{2AB86FB6-439C-42A9-89EC-A58ED4722840}"/>
    <dgm:cxn modelId="{34DC43B7-83D5-450E-ABA7-A5F32D973E86}" type="presOf" srcId="{951ADD70-3AE8-4A81-8633-5948B9C1BAA1}" destId="{55A3F525-F9BD-4588-8270-2DD8B1F0A529}" srcOrd="0" destOrd="0" presId="urn:microsoft.com/office/officeart/2005/8/layout/cycle7"/>
    <dgm:cxn modelId="{B3D2A8BB-B2FC-47AA-8888-BD11D49E6D2C}" type="presOf" srcId="{98A4474D-85A1-4E5E-9A47-D437DA0B11D9}" destId="{203A6C85-A5AC-4980-AF25-5CAFB3728B67}" srcOrd="0" destOrd="0" presId="urn:microsoft.com/office/officeart/2005/8/layout/cycle7"/>
    <dgm:cxn modelId="{08C32DE1-E8F5-49F6-A60D-B314D8553381}" srcId="{A4EFAB84-E586-483E-9A64-23EDBC95F3C5}" destId="{5E9AB0FA-D726-48AB-9A94-DB9754B544FA}" srcOrd="0" destOrd="0" parTransId="{68930B2D-7FE8-4D2E-9A2A-765D3601676B}" sibTransId="{98A4474D-85A1-4E5E-9A47-D437DA0B11D9}"/>
    <dgm:cxn modelId="{2198ACC8-7B80-4AE0-9F40-2B4A85D43701}" type="presOf" srcId="{98A4474D-85A1-4E5E-9A47-D437DA0B11D9}" destId="{A7BDC8F1-5A81-41D3-A01F-B973B3F5C874}" srcOrd="1" destOrd="0" presId="urn:microsoft.com/office/officeart/2005/8/layout/cycle7"/>
    <dgm:cxn modelId="{4CE480F3-92D3-4D79-8E5D-FC59507F4EF7}" type="presOf" srcId="{39F0F822-299A-4555-9F6D-657EA600834C}" destId="{89FAB7BA-119D-4F41-A369-61A823F5B694}" srcOrd="0" destOrd="0" presId="urn:microsoft.com/office/officeart/2005/8/layout/cycle7"/>
    <dgm:cxn modelId="{8D3792FC-AD35-4632-A282-75F0300ED903}" type="presOf" srcId="{951ADD70-3AE8-4A81-8633-5948B9C1BAA1}" destId="{8724008C-900B-480E-A8BA-1B74401E7377}" srcOrd="1" destOrd="0" presId="urn:microsoft.com/office/officeart/2005/8/layout/cycle7"/>
    <dgm:cxn modelId="{163588FD-870D-4B7E-B862-67C1781AE12C}" type="presOf" srcId="{5E9AB0FA-D726-48AB-9A94-DB9754B544FA}" destId="{157D68C3-C836-441F-94F2-EF996B02DA0A}" srcOrd="0" destOrd="0" presId="urn:microsoft.com/office/officeart/2005/8/layout/cycle7"/>
    <dgm:cxn modelId="{EBEBDB1A-9F2C-4104-B5CD-457C3F65E7DB}" type="presParOf" srcId="{81EA6325-8C56-4D35-A336-5B81378D68FB}" destId="{157D68C3-C836-441F-94F2-EF996B02DA0A}" srcOrd="0" destOrd="0" presId="urn:microsoft.com/office/officeart/2005/8/layout/cycle7"/>
    <dgm:cxn modelId="{FB3E2173-3B9F-4D05-BD27-C007E1CF5801}" type="presParOf" srcId="{81EA6325-8C56-4D35-A336-5B81378D68FB}" destId="{203A6C85-A5AC-4980-AF25-5CAFB3728B67}" srcOrd="1" destOrd="0" presId="urn:microsoft.com/office/officeart/2005/8/layout/cycle7"/>
    <dgm:cxn modelId="{438E6AE6-37E4-457C-B4FC-BA5A0E2C436B}" type="presParOf" srcId="{203A6C85-A5AC-4980-AF25-5CAFB3728B67}" destId="{A7BDC8F1-5A81-41D3-A01F-B973B3F5C874}" srcOrd="0" destOrd="0" presId="urn:microsoft.com/office/officeart/2005/8/layout/cycle7"/>
    <dgm:cxn modelId="{0AC44760-FB07-47CE-A8B5-BBEA9798F078}" type="presParOf" srcId="{81EA6325-8C56-4D35-A336-5B81378D68FB}" destId="{89FAB7BA-119D-4F41-A369-61A823F5B694}" srcOrd="2" destOrd="0" presId="urn:microsoft.com/office/officeart/2005/8/layout/cycle7"/>
    <dgm:cxn modelId="{CAFD9873-47D0-49D3-AE70-22BF94ABEE9F}" type="presParOf" srcId="{81EA6325-8C56-4D35-A336-5B81378D68FB}" destId="{55A3F525-F9BD-4588-8270-2DD8B1F0A529}" srcOrd="3" destOrd="0" presId="urn:microsoft.com/office/officeart/2005/8/layout/cycle7"/>
    <dgm:cxn modelId="{B926EF34-64E7-406F-8522-9CBFF80B620B}" type="presParOf" srcId="{55A3F525-F9BD-4588-8270-2DD8B1F0A529}" destId="{8724008C-900B-480E-A8BA-1B74401E7377}" srcOrd="0" destOrd="0" presId="urn:microsoft.com/office/officeart/2005/8/layout/cycle7"/>
    <dgm:cxn modelId="{3F15BBBC-221F-4CB6-8A74-510F90989592}" type="presParOf" srcId="{81EA6325-8C56-4D35-A336-5B81378D68FB}" destId="{4C3DB199-CE97-4989-8C6A-8297D45F8B9A}" srcOrd="4" destOrd="0" presId="urn:microsoft.com/office/officeart/2005/8/layout/cycle7"/>
    <dgm:cxn modelId="{467DCB4C-6122-42DA-9FF8-A6657DFA0EBF}" type="presParOf" srcId="{81EA6325-8C56-4D35-A336-5B81378D68FB}" destId="{4DD30E35-FC6D-4AB2-B835-DBDD13D95975}" srcOrd="5" destOrd="0" presId="urn:microsoft.com/office/officeart/2005/8/layout/cycle7"/>
    <dgm:cxn modelId="{E2F7C5E5-B756-4709-8A7D-C00FAE44C610}" type="presParOf" srcId="{4DD30E35-FC6D-4AB2-B835-DBDD13D95975}" destId="{AB38C51E-0431-4048-B374-CD0433D57BC2}" srcOrd="0" destOrd="0" presId="urn:microsoft.com/office/officeart/2005/8/layout/cycle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7D68C3-C836-441F-94F2-EF996B02DA0A}">
      <dsp:nvSpPr>
        <dsp:cNvPr id="0" name=""/>
        <dsp:cNvSpPr/>
      </dsp:nvSpPr>
      <dsp:spPr>
        <a:xfrm>
          <a:off x="1771761" y="827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Confidential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Poverljivost)</a:t>
          </a:r>
          <a:endParaRPr lang="en-GB" sz="2300" kern="1200" dirty="0"/>
        </a:p>
      </dsp:txBody>
      <dsp:txXfrm>
        <a:off x="1802445" y="31511"/>
        <a:ext cx="2033908" cy="986270"/>
      </dsp:txXfrm>
    </dsp:sp>
    <dsp:sp modelId="{203A6C85-A5AC-4980-AF25-5CAFB3728B67}">
      <dsp:nvSpPr>
        <dsp:cNvPr id="0" name=""/>
        <dsp:cNvSpPr/>
      </dsp:nvSpPr>
      <dsp:spPr>
        <a:xfrm rot="3600000">
          <a:off x="3138828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3248830" y="1911951"/>
        <a:ext cx="870079" cy="220003"/>
      </dsp:txXfrm>
    </dsp:sp>
    <dsp:sp modelId="{89FAB7BA-119D-4F41-A369-61A823F5B694}">
      <dsp:nvSpPr>
        <dsp:cNvPr id="0" name=""/>
        <dsp:cNvSpPr/>
      </dsp:nvSpPr>
      <dsp:spPr>
        <a:xfrm>
          <a:off x="3500702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Integr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Integritet)</a:t>
          </a:r>
          <a:endParaRPr lang="en-GB" sz="2300" kern="1200" dirty="0"/>
        </a:p>
      </dsp:txBody>
      <dsp:txXfrm>
        <a:off x="3531386" y="3026124"/>
        <a:ext cx="2033908" cy="986270"/>
      </dsp:txXfrm>
    </dsp:sp>
    <dsp:sp modelId="{55A3F525-F9BD-4588-8270-2DD8B1F0A529}">
      <dsp:nvSpPr>
        <dsp:cNvPr id="0" name=""/>
        <dsp:cNvSpPr/>
      </dsp:nvSpPr>
      <dsp:spPr>
        <a:xfrm rot="10800000">
          <a:off x="2274358" y="3335922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 rot="10800000">
        <a:off x="2384360" y="3409257"/>
        <a:ext cx="870079" cy="220003"/>
      </dsp:txXfrm>
    </dsp:sp>
    <dsp:sp modelId="{4C3DB199-CE97-4989-8C6A-8297D45F8B9A}">
      <dsp:nvSpPr>
        <dsp:cNvPr id="0" name=""/>
        <dsp:cNvSpPr/>
      </dsp:nvSpPr>
      <dsp:spPr>
        <a:xfrm>
          <a:off x="42820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/>
            <a:t>Availability</a:t>
          </a:r>
          <a:endParaRPr lang="sr-Latn-RS" sz="2300" kern="120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/>
            <a:t>(Dostupnost)</a:t>
          </a:r>
          <a:endParaRPr lang="en-GB" sz="2300" kern="1200"/>
        </a:p>
      </dsp:txBody>
      <dsp:txXfrm>
        <a:off x="73504" y="3026124"/>
        <a:ext cx="2033908" cy="986270"/>
      </dsp:txXfrm>
    </dsp:sp>
    <dsp:sp modelId="{4DD30E35-FC6D-4AB2-B835-DBDD13D95975}">
      <dsp:nvSpPr>
        <dsp:cNvPr id="0" name=""/>
        <dsp:cNvSpPr/>
      </dsp:nvSpPr>
      <dsp:spPr>
        <a:xfrm rot="18000000">
          <a:off x="1409887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1519889" y="1911951"/>
        <a:ext cx="870079" cy="2200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7">
  <dgm:title val=""/>
  <dgm:desc val=""/>
  <dgm:catLst>
    <dgm:cat type="cycle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</dgm:alg>
      </dgm:if>
      <dgm:else name="Name3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onstrLst>
      <dgm:constr type="diam" refType="w"/>
      <dgm:constr type="w" for="ch" ptType="node" refType="w"/>
      <dgm:constr type="primFontSz" for="ch" ptType="node" op="equ" val="65"/>
      <dgm:constr type="w" for="ch" forName="sibTrans" refType="w" refFor="ch" refPtType="node" op="equ" fact="0.35"/>
      <dgm:constr type="connDist" for="ch" forName="sibTrans" op="equ"/>
      <dgm:constr type="primFontSz" for="des" forName="connectorText" op="equ" val="55"/>
      <dgm:constr type="primFontSz" for="des" forName="connectorText" refType="primFontSz" refFor="ch" refPtType="node" op="lte" fact="0.8"/>
      <dgm:constr type="sibSp" refType="w" refFor="ch" refPtType="node" op="equ" fact="0.65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4">
        <dgm:if name="Name5" axis="par ch" ptType="doc node" func="cnt" op="gt" val="1">
          <dgm:forEach name="sibTransForEach" axis="followSib" ptType="sibTrans" hideLastTrans="0" cnt="1">
            <dgm:layoutNode name="sibTrans">
              <dgm:choose name="Name6">
                <dgm:if name="Name7" axis="par ch" ptType="doc node" func="posEven" op="equ" val="1">
                  <dgm:alg type="conn">
                    <dgm:param type="begPts" val="radial"/>
                    <dgm:param type="endPts" val="radial"/>
                    <dgm:param type="begSty" val="arr"/>
                    <dgm:param type="endSty" val="arr"/>
                  </dgm:alg>
                </dgm:if>
                <dgm:else name="Name8">
                  <dgm:alg type="conn">
                    <dgm:param type="begPts" val="auto"/>
                    <dgm:param type="endPts" val="auto"/>
                    <dgm:param type="begSty" val="arr"/>
                    <dgm:param type="endSty" val="arr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5"/>
                <dgm:constr type="connDist"/>
                <dgm:constr type="begPad" refType="connDist" fact="0.1"/>
                <dgm:constr type="endPad" refType="connDist" fact="0.1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9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13/05/2022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13/05/2022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Radionic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13795895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r-Latn-RS" b="1" dirty="0"/>
              <a:t>DEMONSTRIRATI</a:t>
            </a:r>
            <a:endParaRPr lang="de-CH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259033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2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4392932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$19.50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96276875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4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61532109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cyware.com/news/hackers-abuse-xss-vulnerability-in-cart-plugin-to-target-wordpress-based-shopping-sites-ff4b4019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98800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048292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5837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40693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5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44225389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8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51372424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396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42753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12A197-AA3E-442C-A8ED-B314DA914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CA7B32-C307-4A32-B3D8-1D74F3C21A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DDAD71-771B-4022-9ACE-05E57CCF96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0C7CCC-52F2-46B6-9C51-E8AB2C8AA0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9D74EE-6BAF-491D-8522-0C4759D19C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63348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22160D-3FB6-45B0-A4B1-A0A59287A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40C0C9-D54E-49F0-AABC-BCCE8441C4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4E175B-BD92-4CCC-ABD6-BE6884A043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AA1ACC-7160-4E13-A85F-079E4420E7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A0DB8C-9AAF-4F84-810D-AC33CBBC93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6A7EFD-B332-4325-8B8D-B7AA15E5EC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151758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7650A9-0BFC-4A90-B056-8FC671CA5C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2E1F49-0EA7-429E-B71E-A72ABA5C5C3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2A5137-50EE-48C8-A595-E1C8D6332A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086987-9883-4DAA-9797-2F7A1B2A44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99A236-3DE4-41DB-9D51-85EB591F8B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398760-90EF-4203-9267-482F5F55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747650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64F9D9-862E-4DDA-9AD3-A49CA364E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19127D0-9F82-42A8-AE2B-03CF489243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B25095-15CB-43D1-9753-8D81F6A76C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99251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0844" y="1789112"/>
            <a:ext cx="6177957" cy="4776788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2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773113" y="1789112"/>
            <a:ext cx="4680000" cy="4680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983324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6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40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41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42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359e6543-393c-4522-a6c5-1195870f270c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an Starcevic</a:t>
            </a:r>
          </a:p>
        </p:txBody>
      </p:sp>
      <p:sp>
        <p:nvSpPr>
          <p:cNvPr id="5" name="text" descr="{&quot;templafy&quot;:{&quot;id&quot;:&quot;60c2f554-5593-454c-9918-8078eecf97ec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ross-site scripting (XSS)</a:t>
            </a:r>
          </a:p>
        </p:txBody>
      </p:sp>
      <p:sp>
        <p:nvSpPr>
          <p:cNvPr id="6" name="date" descr="{&quot;templafy&quot;:{&quot;id&quot;:&quot;33cc71a9-070c-41bb-a7ea-ff87812ce4af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07/05/2022</a:t>
            </a:r>
          </a:p>
        </p:txBody>
      </p:sp>
      <p:sp>
        <p:nvSpPr>
          <p:cNvPr id="7" name="text" descr="{&quot;templafy&quot;:{&quot;id&quot;:&quot;0924d0a2-dd32-4fe6-9a02-124a31256717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Publi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41bacecc-eb90-4775-a138-a5a37492f92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43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78b9e44a-9dda-473b-8cd6-cc85a6f56a36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44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22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  <p:sldLayoutId id="2147483710" r:id="rId34"/>
    <p:sldLayoutId id="2147483711" r:id="rId35"/>
    <p:sldLayoutId id="2147483712" r:id="rId36"/>
    <p:sldLayoutId id="2147483713" r:id="rId37"/>
    <p:sldLayoutId id="2147483714" r:id="rId38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2.jpeg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5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5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26.svg"/><Relationship Id="rId7" Type="http://schemas.openxmlformats.org/officeDocument/2006/relationships/image" Target="../media/image30.sv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29.png"/><Relationship Id="rId5" Type="http://schemas.openxmlformats.org/officeDocument/2006/relationships/image" Target="../media/image28.svg"/><Relationship Id="rId4" Type="http://schemas.openxmlformats.org/officeDocument/2006/relationships/image" Target="../media/image27.png"/><Relationship Id="rId9" Type="http://schemas.openxmlformats.org/officeDocument/2006/relationships/image" Target="../media/image32.sv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5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12" Type="http://schemas.openxmlformats.org/officeDocument/2006/relationships/image" Target="../media/image34.sv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28.svg"/><Relationship Id="rId11" Type="http://schemas.openxmlformats.org/officeDocument/2006/relationships/image" Target="../media/image33.png"/><Relationship Id="rId5" Type="http://schemas.openxmlformats.org/officeDocument/2006/relationships/image" Target="../media/image27.png"/><Relationship Id="rId10" Type="http://schemas.openxmlformats.org/officeDocument/2006/relationships/image" Target="../media/image32.svg"/><Relationship Id="rId4" Type="http://schemas.openxmlformats.org/officeDocument/2006/relationships/image" Target="../media/image26.svg"/><Relationship Id="rId9" Type="http://schemas.openxmlformats.org/officeDocument/2006/relationships/image" Target="../media/image31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0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10" Type="http://schemas.openxmlformats.org/officeDocument/2006/relationships/image" Target="../media/image10.png"/><Relationship Id="rId4" Type="http://schemas.openxmlformats.org/officeDocument/2006/relationships/image" Target="../media/image4.png"/><Relationship Id="rId9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hyperlink" Target="https://github.com/MilanStarcevic/Open-IT.git" TargetMode="External"/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13" Type="http://schemas.openxmlformats.org/officeDocument/2006/relationships/hyperlink" Target="https://securitydemo-server.azurewebsites.net/cookiestealer" TargetMode="External"/><Relationship Id="rId3" Type="http://schemas.openxmlformats.org/officeDocument/2006/relationships/image" Target="../media/image41.svg"/><Relationship Id="rId7" Type="http://schemas.openxmlformats.org/officeDocument/2006/relationships/image" Target="../media/image45.png"/><Relationship Id="rId12" Type="http://schemas.openxmlformats.org/officeDocument/2006/relationships/image" Target="../media/image32.sv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4.png"/><Relationship Id="rId11" Type="http://schemas.openxmlformats.org/officeDocument/2006/relationships/image" Target="../media/image48.png"/><Relationship Id="rId5" Type="http://schemas.openxmlformats.org/officeDocument/2006/relationships/image" Target="../media/image43.svg"/><Relationship Id="rId10" Type="http://schemas.openxmlformats.org/officeDocument/2006/relationships/image" Target="../media/image47.svg"/><Relationship Id="rId4" Type="http://schemas.openxmlformats.org/officeDocument/2006/relationships/image" Target="../media/image42.png"/><Relationship Id="rId9" Type="http://schemas.openxmlformats.org/officeDocument/2006/relationships/image" Target="../media/image46.png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2.png"/><Relationship Id="rId4" Type="http://schemas.openxmlformats.org/officeDocument/2006/relationships/hyperlink" Target="https://owasp.org/www-project-top-ten/" TargetMode="Externa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4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52.jp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0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Relationship Id="rId5" Type="http://schemas.openxmlformats.org/officeDocument/2006/relationships/image" Target="../media/image13.jpeg"/><Relationship Id="rId4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4.xml"/><Relationship Id="rId4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1" y="5061216"/>
            <a:ext cx="11379199" cy="1390384"/>
          </a:xfrm>
        </p:spPr>
        <p:txBody>
          <a:bodyPr anchor="t">
            <a:normAutofit/>
          </a:bodyPr>
          <a:lstStyle/>
          <a:p>
            <a:r>
              <a:rPr lang="en-US" dirty="0"/>
              <a:t>Cross-site scripting (XSS)</a:t>
            </a:r>
            <a:endParaRPr lang="en-GB" noProof="0" dirty="0"/>
          </a:p>
        </p:txBody>
      </p:sp>
      <p:pic>
        <p:nvPicPr>
          <p:cNvPr id="8" name="Picture Placeholder 3" descr="Text&#10;&#10;Description automatically generated">
            <a:extLst>
              <a:ext uri="{FF2B5EF4-FFF2-40B4-BE49-F238E27FC236}">
                <a16:creationId xmlns:a16="http://schemas.microsoft.com/office/drawing/2014/main" id="{007A0A06-C7E4-893B-B02C-5AAE0C276BF4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139" b="26139"/>
          <a:stretch/>
        </p:blipFill>
        <p:spPr>
          <a:xfrm>
            <a:off x="406401" y="406400"/>
            <a:ext cx="11379199" cy="4431135"/>
          </a:xfrm>
        </p:spPr>
      </p:pic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FB1C2AA4-58A5-0987-A8AF-627E281EE98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254531" y="406400"/>
            <a:ext cx="1018800" cy="1018800"/>
          </a:xfrm>
        </p:spPr>
        <p:txBody>
          <a:bodyPr/>
          <a:lstStyle/>
          <a:p>
            <a:endParaRPr lang="en-US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3370AA8-FC59-461D-AAE9-A2154EACFBEB}"/>
              </a:ext>
            </a:extLst>
          </p:cNvPr>
          <p:cNvGrpSpPr/>
          <p:nvPr/>
        </p:nvGrpSpPr>
        <p:grpSpPr>
          <a:xfrm>
            <a:off x="2667000" y="1828800"/>
            <a:ext cx="914400" cy="1265443"/>
            <a:chOff x="1819275" y="3210719"/>
            <a:chExt cx="914400" cy="1265443"/>
          </a:xfrm>
        </p:grpSpPr>
        <p:pic>
          <p:nvPicPr>
            <p:cNvPr id="5" name="Graphic 4" descr="Man">
              <a:extLst>
                <a:ext uri="{FF2B5EF4-FFF2-40B4-BE49-F238E27FC236}">
                  <a16:creationId xmlns:a16="http://schemas.microsoft.com/office/drawing/2014/main" id="{9229D054-232E-4C69-ADB3-F818CB11042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4E82EFB-A33A-4C91-B063-A5467B4596B8}"/>
                </a:ext>
              </a:extLst>
            </p:cNvPr>
            <p:cNvSpPr txBox="1"/>
            <p:nvPr/>
          </p:nvSpPr>
          <p:spPr>
            <a:xfrm>
              <a:off x="1866130" y="410683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C31F02A2-06C3-454E-986F-DA021532CB0D}"/>
              </a:ext>
            </a:extLst>
          </p:cNvPr>
          <p:cNvGrpSpPr/>
          <p:nvPr/>
        </p:nvGrpSpPr>
        <p:grpSpPr>
          <a:xfrm>
            <a:off x="3685399" y="3593814"/>
            <a:ext cx="914400" cy="1234003"/>
            <a:chOff x="4362450" y="4876800"/>
            <a:chExt cx="914400" cy="1234003"/>
          </a:xfrm>
        </p:grpSpPr>
        <p:pic>
          <p:nvPicPr>
            <p:cNvPr id="9" name="Graphic 8" descr="Woman">
              <a:extLst>
                <a:ext uri="{FF2B5EF4-FFF2-40B4-BE49-F238E27FC236}">
                  <a16:creationId xmlns:a16="http://schemas.microsoft.com/office/drawing/2014/main" id="{7F2895D0-4E2D-40F4-BF4A-E4ECFA894B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F6E9872-AE85-43D3-86D5-1BA00B4BCB88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15C8692-8948-4374-8054-036BC77551ED}"/>
              </a:ext>
            </a:extLst>
          </p:cNvPr>
          <p:cNvGrpSpPr/>
          <p:nvPr/>
        </p:nvGrpSpPr>
        <p:grpSpPr>
          <a:xfrm>
            <a:off x="7387206" y="1850385"/>
            <a:ext cx="914400" cy="1212418"/>
            <a:chOff x="6915152" y="3811032"/>
            <a:chExt cx="914400" cy="1212418"/>
          </a:xfrm>
        </p:grpSpPr>
        <p:pic>
          <p:nvPicPr>
            <p:cNvPr id="11" name="Graphic 10" descr="Server">
              <a:extLst>
                <a:ext uri="{FF2B5EF4-FFF2-40B4-BE49-F238E27FC236}">
                  <a16:creationId xmlns:a16="http://schemas.microsoft.com/office/drawing/2014/main" id="{C8D6D0C8-9B11-4E6B-9807-B03A42993EA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C36A9DF5-28E0-4AD9-B4D0-0C0892AAF3D7}"/>
                </a:ext>
              </a:extLst>
            </p:cNvPr>
            <p:cNvSpPr txBox="1"/>
            <p:nvPr/>
          </p:nvSpPr>
          <p:spPr>
            <a:xfrm>
              <a:off x="7013763" y="4654118"/>
              <a:ext cx="7856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/>
                <a:t>Server</a:t>
              </a:r>
            </a:p>
          </p:txBody>
        </p:sp>
      </p:grp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255D61F-82C5-4BBB-9EA9-C404AA9D696D}"/>
              </a:ext>
            </a:extLst>
          </p:cNvPr>
          <p:cNvCxnSpPr>
            <a:cxnSpLocks/>
          </p:cNvCxnSpPr>
          <p:nvPr/>
        </p:nvCxnSpPr>
        <p:spPr>
          <a:xfrm>
            <a:off x="3599926" y="2462905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C7C5380-738F-41AF-AE55-727519399E02}"/>
              </a:ext>
            </a:extLst>
          </p:cNvPr>
          <p:cNvCxnSpPr>
            <a:cxnSpLocks/>
          </p:cNvCxnSpPr>
          <p:nvPr/>
        </p:nvCxnSpPr>
        <p:spPr>
          <a:xfrm flipV="1">
            <a:off x="5289082" y="2760303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2B60ACCA-C87A-42AF-8351-98E7863AA287}"/>
              </a:ext>
            </a:extLst>
          </p:cNvPr>
          <p:cNvGrpSpPr/>
          <p:nvPr/>
        </p:nvGrpSpPr>
        <p:grpSpPr>
          <a:xfrm>
            <a:off x="4308138" y="3679211"/>
            <a:ext cx="943892" cy="812429"/>
            <a:chOff x="3553573" y="4360439"/>
            <a:chExt cx="1262870" cy="1028955"/>
          </a:xfrm>
        </p:grpSpPr>
        <p:pic>
          <p:nvPicPr>
            <p:cNvPr id="25" name="Graphic 24" descr="Internet">
              <a:extLst>
                <a:ext uri="{FF2B5EF4-FFF2-40B4-BE49-F238E27FC236}">
                  <a16:creationId xmlns:a16="http://schemas.microsoft.com/office/drawing/2014/main" id="{029441F4-5871-4A5D-A917-19030AB343A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52A4DE0-AB29-4CA6-8B90-886E2224E8D6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65AEE4B-BD06-4CDF-B4F3-4230B7D47D5F}"/>
              </a:ext>
            </a:extLst>
          </p:cNvPr>
          <p:cNvCxnSpPr>
            <a:cxnSpLocks/>
          </p:cNvCxnSpPr>
          <p:nvPr/>
        </p:nvCxnSpPr>
        <p:spPr>
          <a:xfrm flipH="1">
            <a:off x="5334905" y="3003239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FDC953E-9674-4BED-8336-A2529EDE5A13}"/>
              </a:ext>
            </a:extLst>
          </p:cNvPr>
          <p:cNvSpPr txBox="1"/>
          <p:nvPr/>
        </p:nvSpPr>
        <p:spPr>
          <a:xfrm>
            <a:off x="4364285" y="1837419"/>
            <a:ext cx="203119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 dirty="0"/>
              <a:t>1. Napadač šalje zlonamerni </a:t>
            </a:r>
            <a:r>
              <a:rPr lang="en-US" sz="1400" dirty="0" err="1"/>
              <a:t>JavaS</a:t>
            </a:r>
            <a:r>
              <a:rPr lang="sr-Latn-RS" sz="1400" dirty="0" err="1"/>
              <a:t>cript</a:t>
            </a:r>
            <a:r>
              <a:rPr lang="sr-Latn-RS" sz="1400" dirty="0"/>
              <a:t> kod</a:t>
            </a:r>
            <a:endParaRPr lang="en-US" sz="1400" dirty="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8C2109C-FE13-46C4-9E84-78C9B945EC3E}"/>
              </a:ext>
            </a:extLst>
          </p:cNvPr>
          <p:cNvSpPr txBox="1"/>
          <p:nvPr/>
        </p:nvSpPr>
        <p:spPr>
          <a:xfrm>
            <a:off x="4288423" y="2687982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2. Žrtva posećuje stranu sa zlonamernim script kodom</a:t>
            </a:r>
            <a:endParaRPr lang="en-US" sz="1400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174547CB-00EA-45F3-92E7-33452F2498C2}"/>
              </a:ext>
            </a:extLst>
          </p:cNvPr>
          <p:cNvSpPr txBox="1"/>
          <p:nvPr/>
        </p:nvSpPr>
        <p:spPr>
          <a:xfrm>
            <a:off x="6164308" y="3654479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Zlonamerni kod se izvršava u pretraživaču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417785352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C37223-E748-4971-8379-2E19285C27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XSS vrst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21FBF8-5E93-46F6-9130-3CBDD093AE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sr-Latn-RS" dirty="0">
                <a:cs typeface="Calibri" panose="020F0502020204030204"/>
              </a:rPr>
              <a:t>XSS napade možemo podeliti na osnovu toga odakle zlonamerni kod dolazi:</a:t>
            </a:r>
          </a:p>
          <a:p>
            <a:pPr marL="514350" indent="-514350">
              <a:buAutoNum type="arabicPeriod"/>
            </a:pPr>
            <a:endParaRPr lang="sr-Latn-RS" dirty="0"/>
          </a:p>
          <a:p>
            <a:pPr marL="514350" indent="-514350">
              <a:buAutoNum type="arabicPeriod"/>
            </a:pPr>
            <a:r>
              <a:rPr lang="sr-Latn-RS" b="1" dirty="0">
                <a:solidFill>
                  <a:schemeClr val="accent1"/>
                </a:solidFill>
              </a:rPr>
              <a:t>Uskladišteni XSS </a:t>
            </a:r>
            <a:r>
              <a:rPr lang="sr-Latn-RS" dirty="0"/>
              <a:t>(perzistentni)</a:t>
            </a:r>
          </a:p>
          <a:p>
            <a:pPr marL="514350" indent="-514350">
              <a:buFont typeface="+mj-lt"/>
              <a:buAutoNum type="arabicPeriod"/>
            </a:pPr>
            <a:r>
              <a:rPr lang="sr-Latn-RS" dirty="0"/>
              <a:t>Reflektovani XSS (ne-</a:t>
            </a:r>
            <a:r>
              <a:rPr lang="sr-Latn-RS" dirty="0" err="1"/>
              <a:t>perzistentni</a:t>
            </a:r>
            <a:r>
              <a:rPr lang="sr-Latn-RS" dirty="0"/>
              <a:t>)</a:t>
            </a:r>
            <a:endParaRPr lang="en-US" dirty="0"/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Server-side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Client-side</a:t>
            </a:r>
          </a:p>
        </p:txBody>
      </p:sp>
    </p:spTree>
    <p:extLst>
      <p:ext uri="{BB962C8B-B14F-4D97-AF65-F5344CB8AC3E}">
        <p14:creationId xmlns:p14="http://schemas.microsoft.com/office/powerpoint/2010/main" val="77508381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9CC63B-C05A-4417-AD69-6251433292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/>
          <a:lstStyle/>
          <a:p>
            <a:r>
              <a:rPr lang="sr-Latn-RS" dirty="0"/>
              <a:t>Uskladišteni XSS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CEE9B5-5CA0-4FB5-A64F-37C93AF510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9675812" cy="420199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sr-Latn-RS" sz="2400" dirty="0"/>
              <a:t>Postoji kada se korisnikov unos </a:t>
            </a:r>
            <a:r>
              <a:rPr lang="sr-Latn-RS" sz="2400" dirty="0">
                <a:solidFill>
                  <a:schemeClr val="accent1"/>
                </a:solidFill>
              </a:rPr>
              <a:t>skladišti u bazi </a:t>
            </a:r>
            <a:r>
              <a:rPr lang="sr-Latn-RS" sz="2400" dirty="0"/>
              <a:t>podataka, obično kroz element unosa na stranici. Prim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forum </a:t>
            </a:r>
            <a:r>
              <a:rPr lang="en-US" sz="2400" dirty="0" err="1"/>
              <a:t>unos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komentar na proizvod</a:t>
            </a:r>
            <a:endParaRPr lang="en-U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nickname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sr-Latn-RS" sz="2400" dirty="0"/>
          </a:p>
          <a:p>
            <a:r>
              <a:rPr lang="en-US" sz="2400" dirty="0"/>
              <a:t>Java</a:t>
            </a:r>
            <a:r>
              <a:rPr lang="sr-Latn-RS" sz="2400" dirty="0" err="1"/>
              <a:t>Script</a:t>
            </a:r>
            <a:r>
              <a:rPr lang="sr-Latn-RS" sz="2400" dirty="0"/>
              <a:t> kod je uskladišten i </a:t>
            </a:r>
            <a:r>
              <a:rPr lang="sr-Latn-RS" sz="2400" dirty="0">
                <a:solidFill>
                  <a:schemeClr val="accent1"/>
                </a:solidFill>
              </a:rPr>
              <a:t>važi za sve </a:t>
            </a:r>
            <a:r>
              <a:rPr lang="sr-Latn-RS" sz="2400" dirty="0"/>
              <a:t>korisnike</a:t>
            </a:r>
          </a:p>
        </p:txBody>
      </p:sp>
    </p:spTree>
    <p:extLst>
      <p:ext uri="{BB962C8B-B14F-4D97-AF65-F5344CB8AC3E}">
        <p14:creationId xmlns:p14="http://schemas.microsoft.com/office/powerpoint/2010/main" val="36885271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7" name="Group 26">
            <a:extLst>
              <a:ext uri="{FF2B5EF4-FFF2-40B4-BE49-F238E27FC236}">
                <a16:creationId xmlns:a16="http://schemas.microsoft.com/office/drawing/2014/main" id="{429E4408-0445-4C65-8342-DDBEE73E24FB}"/>
              </a:ext>
            </a:extLst>
          </p:cNvPr>
          <p:cNvGrpSpPr/>
          <p:nvPr/>
        </p:nvGrpSpPr>
        <p:grpSpPr>
          <a:xfrm>
            <a:off x="3027114" y="2124981"/>
            <a:ext cx="1048066" cy="1234003"/>
            <a:chOff x="1819275" y="3210719"/>
            <a:chExt cx="1048066" cy="1234003"/>
          </a:xfrm>
        </p:grpSpPr>
        <p:pic>
          <p:nvPicPr>
            <p:cNvPr id="28" name="Graphic 27" descr="Man">
              <a:extLst>
                <a:ext uri="{FF2B5EF4-FFF2-40B4-BE49-F238E27FC236}">
                  <a16:creationId xmlns:a16="http://schemas.microsoft.com/office/drawing/2014/main" id="{2CFE836D-9A20-4363-87D7-CD83ECF938A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19A80F19-84ED-4499-9271-6E298E27F55F}"/>
                </a:ext>
              </a:extLst>
            </p:cNvPr>
            <p:cNvSpPr txBox="1"/>
            <p:nvPr/>
          </p:nvSpPr>
          <p:spPr>
            <a:xfrm>
              <a:off x="1999796" y="407539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2C7A5C3E-BFA2-4441-98DE-31473BD2F7D6}"/>
              </a:ext>
            </a:extLst>
          </p:cNvPr>
          <p:cNvGrpSpPr/>
          <p:nvPr/>
        </p:nvGrpSpPr>
        <p:grpSpPr>
          <a:xfrm>
            <a:off x="4045513" y="3889995"/>
            <a:ext cx="914400" cy="1234003"/>
            <a:chOff x="4362450" y="4876800"/>
            <a:chExt cx="914400" cy="1234003"/>
          </a:xfrm>
        </p:grpSpPr>
        <p:pic>
          <p:nvPicPr>
            <p:cNvPr id="32" name="Graphic 31" descr="Woman">
              <a:extLst>
                <a:ext uri="{FF2B5EF4-FFF2-40B4-BE49-F238E27FC236}">
                  <a16:creationId xmlns:a16="http://schemas.microsoft.com/office/drawing/2014/main" id="{12FFE3BE-D51E-477F-BE74-9955BB23442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89D71E85-E40C-4D99-BDA4-89039DE05A1E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C04BC277-71A3-4146-A62E-097F7C416775}"/>
              </a:ext>
            </a:extLst>
          </p:cNvPr>
          <p:cNvGrpSpPr/>
          <p:nvPr/>
        </p:nvGrpSpPr>
        <p:grpSpPr>
          <a:xfrm>
            <a:off x="7747320" y="2146566"/>
            <a:ext cx="965952" cy="1218282"/>
            <a:chOff x="6915152" y="3811032"/>
            <a:chExt cx="965952" cy="1218282"/>
          </a:xfrm>
        </p:grpSpPr>
        <p:pic>
          <p:nvPicPr>
            <p:cNvPr id="35" name="Graphic 34" descr="Server">
              <a:extLst>
                <a:ext uri="{FF2B5EF4-FFF2-40B4-BE49-F238E27FC236}">
                  <a16:creationId xmlns:a16="http://schemas.microsoft.com/office/drawing/2014/main" id="{3C603AE7-5359-48F8-A92B-B46186516B5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D636A97B-89A3-409C-A0BC-BA292FF15D73}"/>
                </a:ext>
              </a:extLst>
            </p:cNvPr>
            <p:cNvSpPr txBox="1"/>
            <p:nvPr/>
          </p:nvSpPr>
          <p:spPr>
            <a:xfrm>
              <a:off x="6931100" y="4659982"/>
              <a:ext cx="95000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Website</a:t>
              </a:r>
              <a:endParaRPr lang="en-US"/>
            </a:p>
          </p:txBody>
        </p:sp>
      </p:grp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2DD603DE-8764-4F36-A67F-BA31DB00FDA6}"/>
              </a:ext>
            </a:extLst>
          </p:cNvPr>
          <p:cNvCxnSpPr>
            <a:cxnSpLocks/>
          </p:cNvCxnSpPr>
          <p:nvPr/>
        </p:nvCxnSpPr>
        <p:spPr>
          <a:xfrm>
            <a:off x="3960040" y="2759086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57B99B61-D0AC-4725-8918-EE581020F48A}"/>
              </a:ext>
            </a:extLst>
          </p:cNvPr>
          <p:cNvCxnSpPr>
            <a:cxnSpLocks/>
          </p:cNvCxnSpPr>
          <p:nvPr/>
        </p:nvCxnSpPr>
        <p:spPr>
          <a:xfrm flipV="1">
            <a:off x="5649196" y="3056484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E27D3465-EB38-46AB-9C5F-5270D9F13D97}"/>
              </a:ext>
            </a:extLst>
          </p:cNvPr>
          <p:cNvGrpSpPr/>
          <p:nvPr/>
        </p:nvGrpSpPr>
        <p:grpSpPr>
          <a:xfrm>
            <a:off x="4668252" y="3975392"/>
            <a:ext cx="943892" cy="812429"/>
            <a:chOff x="3553573" y="4360439"/>
            <a:chExt cx="1262870" cy="1028955"/>
          </a:xfrm>
        </p:grpSpPr>
        <p:pic>
          <p:nvPicPr>
            <p:cNvPr id="40" name="Graphic 39" descr="Internet">
              <a:extLst>
                <a:ext uri="{FF2B5EF4-FFF2-40B4-BE49-F238E27FC236}">
                  <a16:creationId xmlns:a16="http://schemas.microsoft.com/office/drawing/2014/main" id="{7E3EFCD7-41B7-4D3D-A026-FF71B28EAAA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70A20ECE-D2C0-4FA3-9C1C-4A54FD78481B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FC24A358-7CFB-4416-871A-9A816E1046C8}"/>
              </a:ext>
            </a:extLst>
          </p:cNvPr>
          <p:cNvCxnSpPr>
            <a:cxnSpLocks/>
          </p:cNvCxnSpPr>
          <p:nvPr/>
        </p:nvCxnSpPr>
        <p:spPr>
          <a:xfrm flipH="1">
            <a:off x="5695019" y="3299420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6E42C3E2-1B53-4277-B29D-DCDDCD0F4EC4}"/>
              </a:ext>
            </a:extLst>
          </p:cNvPr>
          <p:cNvSpPr txBox="1"/>
          <p:nvPr/>
        </p:nvSpPr>
        <p:spPr>
          <a:xfrm>
            <a:off x="4724399" y="2133600"/>
            <a:ext cx="203119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 dirty="0"/>
              <a:t>1. Napadač šalje zlonamerni </a:t>
            </a:r>
            <a:r>
              <a:rPr lang="en-US" sz="1400" dirty="0"/>
              <a:t>JavaScript</a:t>
            </a:r>
            <a:r>
              <a:rPr lang="sr-Latn-RS" sz="1400" dirty="0"/>
              <a:t> kod</a:t>
            </a:r>
            <a:endParaRPr lang="en-US" sz="1400" dirty="0"/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63382BC7-AB60-4C38-BACE-61D4CA18E74D}"/>
              </a:ext>
            </a:extLst>
          </p:cNvPr>
          <p:cNvSpPr txBox="1"/>
          <p:nvPr/>
        </p:nvSpPr>
        <p:spPr>
          <a:xfrm>
            <a:off x="4648537" y="2984163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Žrtva otvara stranu sa zlonamernim script kodom</a:t>
            </a:r>
            <a:endParaRPr lang="en-US" sz="1400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2DC4BD39-E669-475C-815B-6EAB4EA24F5B}"/>
              </a:ext>
            </a:extLst>
          </p:cNvPr>
          <p:cNvSpPr txBox="1"/>
          <p:nvPr/>
        </p:nvSpPr>
        <p:spPr>
          <a:xfrm>
            <a:off x="6450043" y="3903350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4. Zlonamerni kod se izvršava u pretraživaču</a:t>
            </a:r>
            <a:endParaRPr lang="en-US" sz="140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650B0298-821C-48D5-8BCF-8D85D9B93C7D}"/>
              </a:ext>
            </a:extLst>
          </p:cNvPr>
          <p:cNvGrpSpPr/>
          <p:nvPr/>
        </p:nvGrpSpPr>
        <p:grpSpPr>
          <a:xfrm>
            <a:off x="8796147" y="2259465"/>
            <a:ext cx="914400" cy="914853"/>
            <a:chOff x="10772296" y="2878539"/>
            <a:chExt cx="1058175" cy="992227"/>
          </a:xfrm>
        </p:grpSpPr>
        <p:pic>
          <p:nvPicPr>
            <p:cNvPr id="46" name="Graphic 45" descr="Database">
              <a:extLst>
                <a:ext uri="{FF2B5EF4-FFF2-40B4-BE49-F238E27FC236}">
                  <a16:creationId xmlns:a16="http://schemas.microsoft.com/office/drawing/2014/main" id="{F7F5ECCE-CB5E-4465-B6E4-DD3F7D7785A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0976995" y="2878539"/>
              <a:ext cx="654910" cy="654910"/>
            </a:xfrm>
            <a:prstGeom prst="rect">
              <a:avLst/>
            </a:prstGeom>
          </p:spPr>
        </p:pic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4B330F4-F2CD-4D4D-8F91-49F1F9DF91B7}"/>
                </a:ext>
              </a:extLst>
            </p:cNvPr>
            <p:cNvSpPr/>
            <p:nvPr/>
          </p:nvSpPr>
          <p:spPr>
            <a:xfrm>
              <a:off x="10772296" y="3501434"/>
              <a:ext cx="1058175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sr-Latn-RS"/>
                <a:t>Database</a:t>
              </a:r>
              <a:endParaRPr lang="en-US"/>
            </a:p>
          </p:txBody>
        </p:sp>
      </p:grp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0940C911-F263-40D2-88A5-4C09DD565470}"/>
              </a:ext>
            </a:extLst>
          </p:cNvPr>
          <p:cNvCxnSpPr>
            <a:cxnSpLocks/>
          </p:cNvCxnSpPr>
          <p:nvPr/>
        </p:nvCxnSpPr>
        <p:spPr>
          <a:xfrm>
            <a:off x="8599715" y="2487266"/>
            <a:ext cx="401877" cy="1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4" name="Straight Arrow Connector 53">
            <a:extLst>
              <a:ext uri="{FF2B5EF4-FFF2-40B4-BE49-F238E27FC236}">
                <a16:creationId xmlns:a16="http://schemas.microsoft.com/office/drawing/2014/main" id="{3AFED924-9277-499C-9C87-7BC6C5694784}"/>
              </a:ext>
            </a:extLst>
          </p:cNvPr>
          <p:cNvCxnSpPr>
            <a:cxnSpLocks/>
          </p:cNvCxnSpPr>
          <p:nvPr/>
        </p:nvCxnSpPr>
        <p:spPr>
          <a:xfrm flipH="1" flipV="1">
            <a:off x="8566269" y="2645393"/>
            <a:ext cx="414094" cy="459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DAFBE836-45B4-4ED4-A4A6-A93711EE21D2}"/>
              </a:ext>
            </a:extLst>
          </p:cNvPr>
          <p:cNvSpPr txBox="1"/>
          <p:nvPr/>
        </p:nvSpPr>
        <p:spPr>
          <a:xfrm>
            <a:off x="7773976" y="1626488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/>
              <a:t>2. Server </a:t>
            </a:r>
            <a:r>
              <a:rPr lang="en-US" sz="1400" err="1"/>
              <a:t>skladi</a:t>
            </a:r>
            <a:r>
              <a:rPr lang="sr-Latn-RS" sz="1400"/>
              <a:t>šti script kod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31904174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Posledice</a:t>
            </a:r>
            <a:endParaRPr lang="en-US" dirty="0"/>
          </a:p>
        </p:txBody>
      </p:sp>
      <p:graphicFrame>
        <p:nvGraphicFramePr>
          <p:cNvPr id="5" name="Content Placeholder 1">
            <a:extLst>
              <a:ext uri="{FF2B5EF4-FFF2-40B4-BE49-F238E27FC236}">
                <a16:creationId xmlns:a16="http://schemas.microsoft.com/office/drawing/2014/main" id="{E542E43C-AAE7-DD1A-AD49-16DA3F1AF3E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31639069"/>
              </p:ext>
            </p:extLst>
          </p:nvPr>
        </p:nvGraphicFramePr>
        <p:xfrm>
          <a:off x="3276600" y="1371600"/>
          <a:ext cx="5638800" cy="40439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54695805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2" descr="Back of people's heads and raised hands at corporate presentation with speaker and whiteboard out of focus in background">
            <a:extLst>
              <a:ext uri="{FF2B5EF4-FFF2-40B4-BE49-F238E27FC236}">
                <a16:creationId xmlns:a16="http://schemas.microsoft.com/office/drawing/2014/main" id="{CFDF6D56-F8F5-B597-952C-4CF8105FED8E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097" b="10097"/>
          <a:stretch/>
        </p:blipFill>
        <p:spPr>
          <a:xfrm>
            <a:off x="406400" y="406400"/>
            <a:ext cx="11379200" cy="604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399743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Kako</a:t>
            </a:r>
            <a:r>
              <a:rPr lang="en-US" dirty="0"/>
              <a:t> </a:t>
            </a:r>
            <a:r>
              <a:rPr lang="en-US" dirty="0" err="1"/>
              <a:t>naru</a:t>
            </a:r>
            <a:r>
              <a:rPr lang="sr-Latn-RS" dirty="0"/>
              <a:t>šiti sigurnost sistema pomoću </a:t>
            </a:r>
            <a:r>
              <a:rPr lang="sr-Latn-RS" dirty="0" err="1"/>
              <a:t>XSSa</a:t>
            </a:r>
            <a:r>
              <a:rPr lang="sr-Latn-RS" dirty="0"/>
              <a:t>?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540F165-A81C-4D25-944D-7E2FB0938DD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8199" y="1744662"/>
            <a:ext cx="10025743" cy="4351338"/>
          </a:xfrm>
        </p:spPr>
        <p:txBody>
          <a:bodyPr>
            <a:normAutofit/>
          </a:bodyPr>
          <a:lstStyle/>
          <a:p>
            <a:r>
              <a:rPr lang="en-US" dirty="0" err="1"/>
              <a:t>Poverljivost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Slanje podataka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stranice</a:t>
            </a:r>
            <a:r>
              <a:rPr lang="en-US" dirty="0"/>
              <a:t> </a:t>
            </a:r>
            <a:r>
              <a:rPr lang="en-US" dirty="0" err="1"/>
              <a:t>sajt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server</a:t>
            </a:r>
            <a:r>
              <a:rPr lang="sr-Latn-RS" dirty="0"/>
              <a:t> napadač</a:t>
            </a:r>
            <a:r>
              <a:rPr lang="en-US" dirty="0"/>
              <a:t>a</a:t>
            </a:r>
          </a:p>
          <a:p>
            <a:r>
              <a:rPr lang="sr-Latn-RS" dirty="0"/>
              <a:t>Integritet</a:t>
            </a:r>
          </a:p>
          <a:p>
            <a:pPr marL="269875" lvl="1" indent="0">
              <a:buNone/>
            </a:pPr>
            <a:r>
              <a:rPr lang="en-US" dirty="0" err="1"/>
              <a:t>Izmena</a:t>
            </a:r>
            <a:r>
              <a:rPr lang="en-US" dirty="0"/>
              <a:t> </a:t>
            </a:r>
            <a:r>
              <a:rPr lang="en-US" dirty="0" err="1"/>
              <a:t>podatak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stranici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korisnikovim</a:t>
            </a:r>
            <a:r>
              <a:rPr lang="en-US" dirty="0"/>
              <a:t> </a:t>
            </a:r>
            <a:r>
              <a:rPr lang="en-US" dirty="0" err="1"/>
              <a:t>privilegijama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Krađa sesije (slanje </a:t>
            </a:r>
            <a:r>
              <a:rPr lang="sr-Latn-RS" dirty="0" err="1"/>
              <a:t>cookie</a:t>
            </a:r>
            <a:r>
              <a:rPr lang="sr-Latn-RS" dirty="0"/>
              <a:t> napadaču)</a:t>
            </a:r>
          </a:p>
          <a:p>
            <a:pPr marL="269875" lvl="1" indent="0">
              <a:buNone/>
            </a:pPr>
            <a:r>
              <a:rPr lang="sr-Latn-RS" dirty="0"/>
              <a:t>	Eskalacije privilegija (</a:t>
            </a:r>
            <a:r>
              <a:rPr lang="sr-Latn-RS" dirty="0" err="1"/>
              <a:t>administ</a:t>
            </a:r>
            <a:r>
              <a:rPr lang="en-US" dirty="0"/>
              <a:t>rat</a:t>
            </a:r>
            <a:r>
              <a:rPr lang="sr-Latn-RS" dirty="0" err="1"/>
              <a:t>or</a:t>
            </a:r>
            <a:r>
              <a:rPr lang="sr-Latn-RS" dirty="0"/>
              <a:t>, direktor firme, državni zvaničnik...)</a:t>
            </a:r>
          </a:p>
          <a:p>
            <a:r>
              <a:rPr lang="sr-Latn-RS" dirty="0"/>
              <a:t>Reputacija</a:t>
            </a:r>
          </a:p>
          <a:p>
            <a:pPr marL="269875" lvl="1" indent="0">
              <a:buNone/>
            </a:pPr>
            <a:r>
              <a:rPr lang="sr-Latn-RS" dirty="0"/>
              <a:t>Ubacivanje neprikladnih sadržaja na web sajt</a:t>
            </a:r>
            <a:r>
              <a:rPr lang="en-US" dirty="0"/>
              <a:t>  (“website defacement”)</a:t>
            </a:r>
          </a:p>
          <a:p>
            <a:pPr marL="0" indent="0">
              <a:buNone/>
            </a:pPr>
            <a:endParaRPr lang="sr-Latn-RS" dirty="0"/>
          </a:p>
        </p:txBody>
      </p:sp>
    </p:spTree>
    <p:extLst>
      <p:ext uri="{BB962C8B-B14F-4D97-AF65-F5344CB8AC3E}">
        <p14:creationId xmlns:p14="http://schemas.microsoft.com/office/powerpoint/2010/main" val="404806474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Abstract pcb board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698" b="2169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Osnove</a:t>
            </a:r>
            <a:r>
              <a:rPr lang="en-US" dirty="0"/>
              <a:t> HTTP </a:t>
            </a:r>
            <a:r>
              <a:rPr lang="en-US" dirty="0" err="1"/>
              <a:t>protokola</a:t>
            </a:r>
            <a:r>
              <a:rPr lang="en-US" dirty="0"/>
              <a:t>, </a:t>
            </a:r>
            <a:r>
              <a:rPr lang="en-US" dirty="0" err="1"/>
              <a:t>HTML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JavaScript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562453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2" descr="Back of people's heads and raised hands at corporate presentation with speaker and whiteboard out of focus in background">
            <a:extLst>
              <a:ext uri="{FF2B5EF4-FFF2-40B4-BE49-F238E27FC236}">
                <a16:creationId xmlns:a16="http://schemas.microsoft.com/office/drawing/2014/main" id="{CFDF6D56-F8F5-B597-952C-4CF8105FED8E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097" b="10097"/>
          <a:stretch/>
        </p:blipFill>
        <p:spPr>
          <a:xfrm>
            <a:off x="406400" y="406400"/>
            <a:ext cx="11379200" cy="604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581864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r>
              <a:rPr lang="sr-Latn-RS" dirty="0"/>
              <a:t>Server sesija korisnika se uspostavlja posle </a:t>
            </a:r>
            <a:r>
              <a:rPr lang="sr-Latn-RS" dirty="0" err="1"/>
              <a:t>autentifikacije</a:t>
            </a:r>
            <a:r>
              <a:rPr lang="sr-Latn-RS" dirty="0"/>
              <a:t> (logina)</a:t>
            </a:r>
            <a:endParaRPr lang="en-US" dirty="0"/>
          </a:p>
          <a:p>
            <a:pPr lvl="1"/>
            <a:r>
              <a:rPr lang="sr-Latn-RS" dirty="0"/>
              <a:t>završava se nakon </a:t>
            </a:r>
            <a:r>
              <a:rPr lang="sr-Latn-RS" dirty="0" err="1"/>
              <a:t>logouta</a:t>
            </a:r>
            <a:endParaRPr lang="sr-Latn-RS" dirty="0"/>
          </a:p>
          <a:p>
            <a:r>
              <a:rPr lang="en-US" dirty="0" err="1"/>
              <a:t>Sesija</a:t>
            </a:r>
            <a:r>
              <a:rPr lang="en-US" dirty="0"/>
              <a:t> o</a:t>
            </a:r>
            <a:r>
              <a:rPr lang="sr-Latn-RS" dirty="0" err="1"/>
              <a:t>značava</a:t>
            </a:r>
            <a:r>
              <a:rPr lang="sr-Latn-RS" dirty="0"/>
              <a:t> da je korisnikova </a:t>
            </a:r>
            <a:r>
              <a:rPr lang="sr-Latn-RS" dirty="0" err="1"/>
              <a:t>autentifikacija</a:t>
            </a:r>
            <a:r>
              <a:rPr lang="sr-Latn-RS" dirty="0"/>
              <a:t> trenutno važeća</a:t>
            </a:r>
            <a:endParaRPr lang="en-US" dirty="0"/>
          </a:p>
          <a:p>
            <a:r>
              <a:rPr lang="en-US" dirty="0" err="1"/>
              <a:t>Sesija</a:t>
            </a:r>
            <a:r>
              <a:rPr lang="en-US" dirty="0"/>
              <a:t> je </a:t>
            </a:r>
            <a:r>
              <a:rPr lang="en-US" dirty="0" err="1"/>
              <a:t>identifikator</a:t>
            </a:r>
            <a:r>
              <a:rPr lang="en-US" dirty="0"/>
              <a:t> </a:t>
            </a:r>
            <a:r>
              <a:rPr lang="en-US" dirty="0" err="1"/>
              <a:t>korisnika</a:t>
            </a:r>
            <a:endParaRPr lang="sr-Latn-RS" dirty="0"/>
          </a:p>
        </p:txBody>
      </p:sp>
    </p:spTree>
    <p:extLst>
      <p:ext uri="{BB962C8B-B14F-4D97-AF65-F5344CB8AC3E}">
        <p14:creationId xmlns:p14="http://schemas.microsoft.com/office/powerpoint/2010/main" val="31136289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66FA3246-3DF8-4ACC-9481-4966F54C43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6544" y="289203"/>
            <a:ext cx="7815263" cy="129317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8B7DE62-A1BB-4A1D-B8C9-F9BA62573A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67800" y="685800"/>
            <a:ext cx="2743583" cy="351824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113E966-83B8-4743-AAA1-4BAB320F7D9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9613" y="4355112"/>
            <a:ext cx="3862387" cy="1203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30EB45E-4809-96B3-54E4-C30059B9F8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8200" y="1946909"/>
            <a:ext cx="2117779" cy="214022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9F2BE52-4BD4-752B-7CAC-C9C3ECCBF66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221126" y="1653869"/>
            <a:ext cx="1996905" cy="206873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DDB8C0F-28F1-EC0C-7D48-428737B07F1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772911" y="1582376"/>
            <a:ext cx="2185129" cy="214022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1950FAFB-3E42-05F1-75D0-2D5A622A8F2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320592" y="4427178"/>
            <a:ext cx="2743583" cy="143847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FF15F028-7126-E30C-2C5E-1BB35C7E791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826778" y="3992897"/>
            <a:ext cx="4258439" cy="2095893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8D4480E2-978B-9BFA-CD26-F8D9AB22953A}"/>
              </a:ext>
            </a:extLst>
          </p:cNvPr>
          <p:cNvSpPr txBox="1"/>
          <p:nvPr/>
        </p:nvSpPr>
        <p:spPr>
          <a:xfrm>
            <a:off x="3048000" y="3246511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208941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sr-Latn-RS" dirty="0"/>
              <a:t>Sesija se obično identifikuje pomoću </a:t>
            </a:r>
            <a:r>
              <a:rPr lang="sr-Latn-RS" b="1" dirty="0" err="1"/>
              <a:t>cookie</a:t>
            </a:r>
            <a:r>
              <a:rPr lang="sr-Latn-RS" b="1" dirty="0"/>
              <a:t>-ja</a:t>
            </a:r>
            <a:r>
              <a:rPr lang="en-US" dirty="0"/>
              <a:t>. </a:t>
            </a:r>
            <a:r>
              <a:rPr lang="en-US" b="1" dirty="0"/>
              <a:t>Cookie</a:t>
            </a:r>
            <a:r>
              <a:rPr lang="en-US" dirty="0"/>
              <a:t> se </a:t>
            </a:r>
            <a:r>
              <a:rPr lang="sr-Latn-RS" dirty="0"/>
              <a:t>šalje sa svakim HTTP </a:t>
            </a:r>
            <a:r>
              <a:rPr lang="en-US" dirty="0" err="1"/>
              <a:t>zahtevom</a:t>
            </a:r>
            <a:r>
              <a:rPr lang="sr-Latn-RS" dirty="0"/>
              <a:t>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C7294A8-C403-4115-B08F-9E03B5970E6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0600" y="2820808"/>
            <a:ext cx="4529073" cy="850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888037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TML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XML </a:t>
            </a:r>
            <a:r>
              <a:rPr lang="en-US" dirty="0" err="1"/>
              <a:t>deklarativni</a:t>
            </a:r>
            <a:r>
              <a:rPr lang="en-US" dirty="0"/>
              <a:t> </a:t>
            </a:r>
            <a:r>
              <a:rPr lang="en-US" dirty="0" err="1"/>
              <a:t>jezik</a:t>
            </a:r>
            <a:r>
              <a:rPr lang="en-US" dirty="0"/>
              <a:t>, koji </a:t>
            </a:r>
            <a:r>
              <a:rPr lang="en-US" dirty="0" err="1"/>
              <a:t>defini</a:t>
            </a:r>
            <a:r>
              <a:rPr lang="sr-Latn-RS" dirty="0" err="1"/>
              <a:t>še</a:t>
            </a:r>
            <a:r>
              <a:rPr lang="sr-Latn-R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strukturu i izgled </a:t>
            </a:r>
            <a:r>
              <a:rPr lang="sr-Latn-RS" dirty="0"/>
              <a:t>web stranice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HTML </a:t>
            </a:r>
            <a:r>
              <a:rPr lang="sr-Latn-RS" b="1" dirty="0">
                <a:solidFill>
                  <a:schemeClr val="accent1"/>
                </a:solidFill>
              </a:rPr>
              <a:t>elementi i atribut</a:t>
            </a:r>
            <a:r>
              <a:rPr lang="en-US" b="1" dirty="0" err="1">
                <a:solidFill>
                  <a:schemeClr val="accent1"/>
                </a:solidFill>
              </a:rPr>
              <a:t>i</a:t>
            </a:r>
            <a:r>
              <a:rPr lang="sr-Latn-RS" b="1" dirty="0">
                <a:solidFill>
                  <a:schemeClr val="accent1"/>
                </a:solidFill>
              </a:rPr>
              <a:t> </a:t>
            </a:r>
            <a:r>
              <a:rPr lang="sr-Latn-RS" dirty="0"/>
              <a:t>daju instrukcije pretraživaču</a:t>
            </a:r>
            <a:r>
              <a:rPr lang="en-US" dirty="0"/>
              <a:t> </a:t>
            </a:r>
            <a:r>
              <a:rPr lang="en-US" dirty="0" err="1"/>
              <a:t>kako</a:t>
            </a:r>
            <a:r>
              <a:rPr lang="en-US" dirty="0"/>
              <a:t> da </a:t>
            </a:r>
            <a:r>
              <a:rPr lang="sr-Latn-RS" dirty="0"/>
              <a:t>prikaže stranicu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</a:t>
            </a:r>
            <a:r>
              <a:rPr lang="en-US" dirty="0" err="1"/>
              <a:t>img</a:t>
            </a:r>
            <a:r>
              <a:rPr lang="en-US" dirty="0"/>
              <a:t> </a:t>
            </a:r>
            <a:r>
              <a:rPr lang="en-US" dirty="0" err="1"/>
              <a:t>src</a:t>
            </a:r>
            <a:r>
              <a:rPr lang="en-US" dirty="0"/>
              <a:t>=“llama.jpg” /&gt;</a:t>
            </a:r>
          </a:p>
        </p:txBody>
      </p:sp>
    </p:spTree>
    <p:extLst>
      <p:ext uri="{BB962C8B-B14F-4D97-AF65-F5344CB8AC3E}">
        <p14:creationId xmlns:p14="http://schemas.microsoft.com/office/powerpoint/2010/main" val="210913878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 err="1"/>
              <a:t>JavaScript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Programski j</a:t>
            </a:r>
            <a:r>
              <a:rPr lang="en-US" dirty="0" err="1"/>
              <a:t>ezik</a:t>
            </a:r>
            <a:r>
              <a:rPr lang="en-US" dirty="0"/>
              <a:t> koji </a:t>
            </a:r>
            <a:r>
              <a:rPr lang="en-US" dirty="0" err="1"/>
              <a:t>omogu</a:t>
            </a:r>
            <a:r>
              <a:rPr lang="sr-Latn-RS" dirty="0" err="1"/>
              <a:t>ćava</a:t>
            </a:r>
            <a:r>
              <a:rPr lang="sr-Latn-R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dinamičko menjanje</a:t>
            </a:r>
            <a:r>
              <a:rPr lang="sr-Latn-RS" dirty="0"/>
              <a:t> HTML stranice</a:t>
            </a:r>
          </a:p>
          <a:p>
            <a:pPr marL="0" indent="0">
              <a:buNone/>
            </a:pPr>
            <a:r>
              <a:rPr lang="sr-Latn-RS" dirty="0"/>
              <a:t>Izvršava se u pretraživaču korisnika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script&gt;</a:t>
            </a:r>
            <a:endParaRPr lang="sr-Latn-RS" dirty="0"/>
          </a:p>
          <a:p>
            <a:pPr marL="0" indent="0">
              <a:buNone/>
            </a:pPr>
            <a:r>
              <a:rPr lang="sr-Latn-RS" dirty="0"/>
              <a:t>   do</a:t>
            </a:r>
            <a:r>
              <a:rPr lang="en-US" dirty="0" err="1"/>
              <a:t>cument.getElementById</a:t>
            </a:r>
            <a:r>
              <a:rPr lang="en-US" dirty="0"/>
              <a:t>(‘</a:t>
            </a:r>
            <a:r>
              <a:rPr lang="en-US" dirty="0" err="1"/>
              <a:t>myElementId</a:t>
            </a:r>
            <a:r>
              <a:rPr lang="en-US" dirty="0"/>
              <a:t>’).</a:t>
            </a:r>
            <a:r>
              <a:rPr lang="en-US" dirty="0" err="1"/>
              <a:t>getAttribute</a:t>
            </a:r>
            <a:r>
              <a:rPr lang="en-US" dirty="0"/>
              <a:t>(‘</a:t>
            </a:r>
            <a:r>
              <a:rPr lang="en-US" dirty="0" err="1"/>
              <a:t>src</a:t>
            </a:r>
            <a:r>
              <a:rPr lang="en-US" dirty="0"/>
              <a:t>’)</a:t>
            </a:r>
          </a:p>
          <a:p>
            <a:pPr marL="0" indent="0">
              <a:buNone/>
            </a:pPr>
            <a:r>
              <a:rPr lang="en-US" dirty="0"/>
              <a:t>&lt;/script&gt;</a:t>
            </a:r>
          </a:p>
        </p:txBody>
      </p:sp>
    </p:spTree>
    <p:extLst>
      <p:ext uri="{BB962C8B-B14F-4D97-AF65-F5344CB8AC3E}">
        <p14:creationId xmlns:p14="http://schemas.microsoft.com/office/powerpoint/2010/main" val="150288124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REST zahtevi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Obični HTTP zahtev koji manipuliše podacima na serveru</a:t>
            </a:r>
          </a:p>
          <a:p>
            <a:r>
              <a:rPr lang="sr-Latn-RS" dirty="0">
                <a:solidFill>
                  <a:schemeClr val="accent1"/>
                </a:solidFill>
              </a:rPr>
              <a:t>POST</a:t>
            </a:r>
            <a:r>
              <a:rPr lang="sr-Latn-RS" dirty="0"/>
              <a:t> </a:t>
            </a:r>
            <a:r>
              <a:rPr lang="en-US" dirty="0"/>
              <a:t>→ </a:t>
            </a:r>
            <a:r>
              <a:rPr lang="en-US" dirty="0" err="1"/>
              <a:t>kreira</a:t>
            </a:r>
            <a:r>
              <a:rPr lang="en-US" dirty="0"/>
              <a:t> </a:t>
            </a:r>
            <a:r>
              <a:rPr lang="en-US" dirty="0" err="1"/>
              <a:t>podatak</a:t>
            </a:r>
            <a:r>
              <a:rPr lang="sr-Latn-RS" dirty="0"/>
              <a:t> na serveru</a:t>
            </a:r>
            <a:endParaRPr lang="en-US" dirty="0"/>
          </a:p>
          <a:p>
            <a:r>
              <a:rPr lang="en-US" dirty="0">
                <a:solidFill>
                  <a:schemeClr val="accent1"/>
                </a:solidFill>
              </a:rPr>
              <a:t>GET</a:t>
            </a:r>
            <a:r>
              <a:rPr lang="en-US" dirty="0"/>
              <a:t> → </a:t>
            </a:r>
            <a:r>
              <a:rPr lang="sr-Latn-RS" dirty="0"/>
              <a:t>vraća podatak sa servera</a:t>
            </a:r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U </a:t>
            </a:r>
            <a:r>
              <a:rPr lang="en-US" dirty="0" err="1"/>
              <a:t>JavaScriptu</a:t>
            </a:r>
            <a:r>
              <a:rPr lang="en-US" dirty="0"/>
              <a:t> se </a:t>
            </a:r>
            <a:r>
              <a:rPr lang="en-US" dirty="0" err="1"/>
              <a:t>izv</a:t>
            </a:r>
            <a:r>
              <a:rPr lang="sr-Latn-RS" dirty="0" err="1"/>
              <a:t>ršavaju</a:t>
            </a:r>
            <a:r>
              <a:rPr lang="sr-Latn-RS" dirty="0"/>
              <a:t> pomoću </a:t>
            </a:r>
            <a:r>
              <a:rPr lang="sr-Latn-RS" b="1" dirty="0" err="1">
                <a:solidFill>
                  <a:schemeClr val="accent1"/>
                </a:solidFill>
              </a:rPr>
              <a:t>fetch</a:t>
            </a:r>
            <a:r>
              <a:rPr lang="sr-Latn-RS" dirty="0"/>
              <a:t> funkcij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284075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Primer </a:t>
            </a:r>
            <a:r>
              <a:rPr lang="en-US" dirty="0" err="1"/>
              <a:t>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706153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E0F5FB3-D290-863C-5FEC-B9ECCC4EF2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Instrukcij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522A05-310D-9A1B-5092-34A748E37CE0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b="1" dirty="0"/>
              <a:t>git clone</a:t>
            </a:r>
            <a:r>
              <a:rPr lang="en-US" dirty="0"/>
              <a:t> </a:t>
            </a:r>
            <a:r>
              <a:rPr lang="en-US" dirty="0">
                <a:hlinkClick r:id="rId2"/>
              </a:rPr>
              <a:t>https://github.com/MilanStarcevic/Open-IT.git</a:t>
            </a:r>
            <a:endParaRPr lang="en-US" dirty="0"/>
          </a:p>
          <a:p>
            <a:pPr marL="457200" indent="-457200">
              <a:buFont typeface="+mj-lt"/>
              <a:buAutoNum type="arabicPeriod"/>
            </a:pPr>
            <a:r>
              <a:rPr lang="en-US" dirty="0" err="1"/>
              <a:t>Otvorite</a:t>
            </a:r>
            <a:r>
              <a:rPr lang="en-US" dirty="0"/>
              <a:t> folder </a:t>
            </a:r>
            <a:r>
              <a:rPr lang="en-US" b="1" dirty="0" err="1">
                <a:solidFill>
                  <a:schemeClr val="accent1"/>
                </a:solidFill>
              </a:rPr>
              <a:t>VisageBook</a:t>
            </a:r>
            <a:r>
              <a:rPr lang="en-US" i="0" dirty="0">
                <a:solidFill>
                  <a:srgbClr val="24292F"/>
                </a:solidFill>
                <a:effectLst/>
                <a:latin typeface="-apple-system"/>
              </a:rPr>
              <a:t> u </a:t>
            </a:r>
            <a:r>
              <a:rPr lang="en-US" b="1" dirty="0"/>
              <a:t>IntelliJ IDEA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Ova prezentacija se nalazi u ovom </a:t>
            </a:r>
            <a:r>
              <a:rPr lang="sr-Latn-RS" dirty="0" err="1"/>
              <a:t>GitHub</a:t>
            </a:r>
            <a:r>
              <a:rPr lang="sr-Latn-RS" dirty="0"/>
              <a:t> repozitorijumu (.</a:t>
            </a:r>
            <a:r>
              <a:rPr lang="sr-Latn-RS" dirty="0" err="1"/>
              <a:t>pptx</a:t>
            </a:r>
            <a:r>
              <a:rPr lang="sr-Latn-RS" dirty="0"/>
              <a:t>)</a:t>
            </a: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7345FD-F033-DB0A-D93B-B57592A5B63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800" y="3299616"/>
            <a:ext cx="10206856" cy="8208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517285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FD695E4-55DD-5AE6-598B-FBA152FB66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cena </a:t>
            </a:r>
            <a:r>
              <a:rPr lang="en-US" dirty="0" err="1"/>
              <a:t>zlo</a:t>
            </a:r>
            <a:r>
              <a:rPr lang="sr-Latn-RS" dirty="0"/>
              <a:t>čina</a:t>
            </a:r>
            <a:endParaRPr lang="en-US" dirty="0"/>
          </a:p>
        </p:txBody>
      </p:sp>
      <p:pic>
        <p:nvPicPr>
          <p:cNvPr id="8" name="Graphic 7" descr="Baseball hat with solid fill">
            <a:extLst>
              <a:ext uri="{FF2B5EF4-FFF2-40B4-BE49-F238E27FC236}">
                <a16:creationId xmlns:a16="http://schemas.microsoft.com/office/drawing/2014/main" id="{CE44DEE6-09B2-50E8-9080-D022AFB0B9E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504950" y="2068372"/>
            <a:ext cx="914400" cy="914400"/>
          </a:xfrm>
          <a:prstGeom prst="rect">
            <a:avLst/>
          </a:prstGeom>
        </p:spPr>
      </p:pic>
      <p:pic>
        <p:nvPicPr>
          <p:cNvPr id="11" name="Graphic 10" descr="Baseball hat with solid fill">
            <a:extLst>
              <a:ext uri="{FF2B5EF4-FFF2-40B4-BE49-F238E27FC236}">
                <a16:creationId xmlns:a16="http://schemas.microsoft.com/office/drawing/2014/main" id="{358B1E1D-74DB-33F5-8ADA-BD6431986B0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534400" y="2009503"/>
            <a:ext cx="914400" cy="914400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A95E4BB6-A604-330A-BAAB-8A72821E15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43574" y="5226457"/>
            <a:ext cx="571500" cy="3886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BECA4D38-1ECF-0DEE-61D1-55537D580FF4}"/>
              </a:ext>
            </a:extLst>
          </p:cNvPr>
          <p:cNvSpPr txBox="1"/>
          <p:nvPr/>
        </p:nvSpPr>
        <p:spPr>
          <a:xfrm>
            <a:off x="4287548" y="5632494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Žule </a:t>
            </a:r>
            <a:r>
              <a:rPr lang="en-US" sz="2200" dirty="0">
                <a:latin typeface="AA Zuehlke" pitchFamily="2" charset="0"/>
              </a:rPr>
              <a:t>Developer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9469949-A686-C8D2-2899-77EE90077883}"/>
              </a:ext>
            </a:extLst>
          </p:cNvPr>
          <p:cNvSpPr txBox="1"/>
          <p:nvPr/>
        </p:nvSpPr>
        <p:spPr>
          <a:xfrm>
            <a:off x="1228725" y="2786829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Aleks </a:t>
            </a:r>
            <a:r>
              <a:rPr lang="en-US" sz="2200" dirty="0" err="1">
                <a:latin typeface="AA Zuehlke" pitchFamily="2" charset="0"/>
              </a:rPr>
              <a:t>Korisnik</a:t>
            </a:r>
            <a:endParaRPr lang="en-US" sz="2200" dirty="0">
              <a:latin typeface="AA Zuehlke" pitchFamily="2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D797565-789B-7318-5869-D77E74F2F7D9}"/>
              </a:ext>
            </a:extLst>
          </p:cNvPr>
          <p:cNvSpPr txBox="1"/>
          <p:nvPr/>
        </p:nvSpPr>
        <p:spPr>
          <a:xfrm>
            <a:off x="8305800" y="2727960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 err="1">
                <a:latin typeface="AA Zuehlke" pitchFamily="2" charset="0"/>
              </a:rPr>
              <a:t>Bilja</a:t>
            </a:r>
            <a:r>
              <a:rPr lang="sr-Latn-RS" sz="2200" dirty="0">
                <a:latin typeface="AA Zuehlke" pitchFamily="2" charset="0"/>
              </a:rPr>
              <a:t> Haker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6" name="Graphic 15" descr="Server with solid fill">
            <a:extLst>
              <a:ext uri="{FF2B5EF4-FFF2-40B4-BE49-F238E27FC236}">
                <a16:creationId xmlns:a16="http://schemas.microsoft.com/office/drawing/2014/main" id="{75BE2AEF-662E-2ED2-D2BA-80022043CCB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677400" y="3413760"/>
            <a:ext cx="914400" cy="91440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EB0C8ABF-6F2B-5BB7-1A48-B6A64D3CE1BF}"/>
              </a:ext>
            </a:extLst>
          </p:cNvPr>
          <p:cNvSpPr txBox="1"/>
          <p:nvPr/>
        </p:nvSpPr>
        <p:spPr>
          <a:xfrm>
            <a:off x="9372600" y="4336187"/>
            <a:ext cx="233680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Server za </a:t>
            </a:r>
          </a:p>
          <a:p>
            <a:pPr algn="l"/>
            <a:r>
              <a:rPr lang="sr-Latn-RS" sz="2200" dirty="0">
                <a:latin typeface="AA Zuehlke" pitchFamily="2" charset="0"/>
              </a:rPr>
              <a:t>skladištenje 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9" name="Graphic 18" descr="Gingerbread cookie with solid fill">
            <a:extLst>
              <a:ext uri="{FF2B5EF4-FFF2-40B4-BE49-F238E27FC236}">
                <a16:creationId xmlns:a16="http://schemas.microsoft.com/office/drawing/2014/main" id="{71B6B2A8-2B6E-B524-E24A-CDEC3BE91E9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668000" y="4537245"/>
            <a:ext cx="609600" cy="609600"/>
          </a:xfrm>
          <a:prstGeom prst="rect">
            <a:avLst/>
          </a:prstGeom>
        </p:spPr>
      </p:pic>
      <p:pic>
        <p:nvPicPr>
          <p:cNvPr id="21" name="Graphic 20" descr="Internet with solid fill">
            <a:extLst>
              <a:ext uri="{FF2B5EF4-FFF2-40B4-BE49-F238E27FC236}">
                <a16:creationId xmlns:a16="http://schemas.microsoft.com/office/drawing/2014/main" id="{B0658619-60E3-A8B0-D0DD-0B3192244DD6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033962" y="2591280"/>
            <a:ext cx="914400" cy="914400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730538D-C15F-2594-86BC-95AEFB3AF742}"/>
              </a:ext>
            </a:extLst>
          </p:cNvPr>
          <p:cNvSpPr txBox="1"/>
          <p:nvPr/>
        </p:nvSpPr>
        <p:spPr>
          <a:xfrm>
            <a:off x="4573820" y="35052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2200" dirty="0" err="1">
                <a:latin typeface="AA Zuehlke" pitchFamily="2" charset="0"/>
              </a:rPr>
              <a:t>VisageBook</a:t>
            </a:r>
            <a:endParaRPr lang="en-US" sz="2200" dirty="0">
              <a:latin typeface="AA Zuehlke" pitchFamily="2" charset="0"/>
            </a:endParaRPr>
          </a:p>
          <a:p>
            <a:pPr algn="ctr"/>
            <a:r>
              <a:rPr lang="sr-Latn-RS" sz="2200" dirty="0">
                <a:latin typeface="AA Zuehlke" pitchFamily="2" charset="0"/>
              </a:rPr>
              <a:t>s</a:t>
            </a:r>
            <a:r>
              <a:rPr lang="en-US" sz="2200" dirty="0" err="1">
                <a:latin typeface="AA Zuehlke" pitchFamily="2" charset="0"/>
              </a:rPr>
              <a:t>ocijaln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en-US" sz="2200" dirty="0" err="1">
                <a:latin typeface="AA Zuehlke" pitchFamily="2" charset="0"/>
              </a:rPr>
              <a:t>mre</a:t>
            </a:r>
            <a:r>
              <a:rPr lang="sr-Latn-RS" sz="2200" dirty="0" err="1">
                <a:latin typeface="AA Zuehlke" pitchFamily="2" charset="0"/>
              </a:rPr>
              <a:t>ž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DE240405-6638-E051-818A-9D8FA2C33737}"/>
              </a:ext>
            </a:extLst>
          </p:cNvPr>
          <p:cNvCxnSpPr>
            <a:stCxn id="8" idx="3"/>
            <a:endCxn id="21" idx="1"/>
          </p:cNvCxnSpPr>
          <p:nvPr/>
        </p:nvCxnSpPr>
        <p:spPr>
          <a:xfrm>
            <a:off x="2419350" y="2525572"/>
            <a:ext cx="2614612" cy="522908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AA66F92-62C7-FA2A-EF5E-E954C71415B0}"/>
              </a:ext>
            </a:extLst>
          </p:cNvPr>
          <p:cNvCxnSpPr>
            <a:stCxn id="11" idx="1"/>
            <a:endCxn id="21" idx="3"/>
          </p:cNvCxnSpPr>
          <p:nvPr/>
        </p:nvCxnSpPr>
        <p:spPr>
          <a:xfrm flipH="1">
            <a:off x="5948362" y="2466703"/>
            <a:ext cx="2586038" cy="581777"/>
          </a:xfrm>
          <a:prstGeom prst="line">
            <a:avLst/>
          </a:prstGeom>
          <a:ln w="25400">
            <a:solidFill>
              <a:srgbClr val="00184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80B205A3-ED42-448B-AEE4-1D3A4A3B5010}"/>
              </a:ext>
            </a:extLst>
          </p:cNvPr>
          <p:cNvSpPr txBox="1"/>
          <p:nvPr/>
        </p:nvSpPr>
        <p:spPr>
          <a:xfrm>
            <a:off x="482600" y="41910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Dragic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sr-Latn-RS" sz="2200" dirty="0">
                <a:latin typeface="AA Zuehlke" pitchFamily="2" charset="0"/>
              </a:rPr>
              <a:t>Drugaric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F6803829-E953-AC61-E6A9-A7B294AF8DB2}"/>
              </a:ext>
            </a:extLst>
          </p:cNvPr>
          <p:cNvCxnSpPr>
            <a:cxnSpLocks/>
            <a:endCxn id="21" idx="1"/>
          </p:cNvCxnSpPr>
          <p:nvPr/>
        </p:nvCxnSpPr>
        <p:spPr>
          <a:xfrm flipV="1">
            <a:off x="2540233" y="3048480"/>
            <a:ext cx="2493729" cy="1279680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5" name="Straight Connector 1024">
            <a:extLst>
              <a:ext uri="{FF2B5EF4-FFF2-40B4-BE49-F238E27FC236}">
                <a16:creationId xmlns:a16="http://schemas.microsoft.com/office/drawing/2014/main" id="{7DA9278A-68DC-B7C8-0FA5-B41B33665FAA}"/>
              </a:ext>
            </a:extLst>
          </p:cNvPr>
          <p:cNvCxnSpPr>
            <a:stCxn id="21" idx="3"/>
            <a:endCxn id="16" idx="1"/>
          </p:cNvCxnSpPr>
          <p:nvPr/>
        </p:nvCxnSpPr>
        <p:spPr>
          <a:xfrm>
            <a:off x="5948362" y="3048480"/>
            <a:ext cx="3729038" cy="822480"/>
          </a:xfrm>
          <a:prstGeom prst="line">
            <a:avLst/>
          </a:prstGeom>
          <a:ln w="25400">
            <a:solidFill>
              <a:srgbClr val="FF000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7352A367-9202-113D-9DBB-51DE4379FA65}"/>
              </a:ext>
            </a:extLst>
          </p:cNvPr>
          <p:cNvSpPr txBox="1"/>
          <p:nvPr/>
        </p:nvSpPr>
        <p:spPr>
          <a:xfrm>
            <a:off x="7448550" y="5366448"/>
            <a:ext cx="445770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000" b="1" dirty="0">
                <a:solidFill>
                  <a:schemeClr val="accent1"/>
                </a:solidFill>
                <a:effectLst/>
                <a:latin typeface="Calibri" panose="020F0502020204030204" pitchFamily="34" charset="0"/>
                <a:hlinkClick r:id="rId1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securitydemo-server.azurewebsites.net/cookiestealer</a:t>
            </a:r>
            <a:endParaRPr lang="en-US" sz="2000" b="1" dirty="0">
              <a:solidFill>
                <a:schemeClr val="accent1"/>
              </a:solidFill>
            </a:endParaRPr>
          </a:p>
        </p:txBody>
      </p:sp>
      <p:pic>
        <p:nvPicPr>
          <p:cNvPr id="20" name="Graphic 19" descr="Baseball hat with solid fill">
            <a:extLst>
              <a:ext uri="{FF2B5EF4-FFF2-40B4-BE49-F238E27FC236}">
                <a16:creationId xmlns:a16="http://schemas.microsoft.com/office/drawing/2014/main" id="{28F6420B-0CA2-B9B0-049D-52EDD9827E7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397233" y="3374658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4081577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Demonstraci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029184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Ma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731" b="21731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Zaštita od 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266138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Zaštita</a:t>
            </a:r>
            <a:endParaRPr lang="sr-Latn-RS">
              <a:cs typeface="Calibri Light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hitelist: </a:t>
            </a:r>
            <a:r>
              <a:rPr lang="sr-Latn-RS" dirty="0"/>
              <a:t>Dozvoliti samo sigurne karaktere kao unos korisnika</a:t>
            </a:r>
          </a:p>
          <a:p>
            <a:r>
              <a:rPr lang="en-US" dirty="0"/>
              <a:t>Blacklist: </a:t>
            </a:r>
            <a:r>
              <a:rPr lang="en-US" dirty="0" err="1"/>
              <a:t>Zabranimo</a:t>
            </a:r>
            <a:r>
              <a:rPr lang="sr-Latn-RS" dirty="0"/>
              <a:t> </a:t>
            </a:r>
            <a:r>
              <a:rPr lang="sr-Latn-RS" dirty="0" err="1"/>
              <a:t>nesigurn</a:t>
            </a:r>
            <a:r>
              <a:rPr lang="en-US" dirty="0"/>
              <a:t>e</a:t>
            </a:r>
            <a:r>
              <a:rPr lang="sr-Latn-RS" dirty="0"/>
              <a:t> karakter</a:t>
            </a:r>
            <a:r>
              <a:rPr lang="en-US" dirty="0"/>
              <a:t>e (</a:t>
            </a:r>
            <a:r>
              <a:rPr lang="en-US" dirty="0" err="1"/>
              <a:t>na</a:t>
            </a:r>
            <a:r>
              <a:rPr lang="en-US" dirty="0"/>
              <a:t> primer &lt; </a:t>
            </a:r>
            <a:r>
              <a:rPr lang="en-US" dirty="0" err="1"/>
              <a:t>i</a:t>
            </a:r>
            <a:r>
              <a:rPr lang="en-US" dirty="0"/>
              <a:t> &gt;)</a:t>
            </a:r>
          </a:p>
          <a:p>
            <a:r>
              <a:rPr lang="en-US" b="1" dirty="0" err="1">
                <a:solidFill>
                  <a:schemeClr val="accent1"/>
                </a:solidFill>
              </a:rPr>
              <a:t>Sanitizacija</a:t>
            </a:r>
            <a:r>
              <a:rPr lang="en-US" dirty="0"/>
              <a:t>: Kori</a:t>
            </a:r>
            <a:r>
              <a:rPr lang="sr-Latn-RS" dirty="0" err="1"/>
              <a:t>šćenje</a:t>
            </a:r>
            <a:r>
              <a:rPr lang="sr-Latn-RS" dirty="0"/>
              <a:t> sigurnih alata </a:t>
            </a:r>
            <a:r>
              <a:rPr lang="en-US" dirty="0"/>
              <a:t>za </a:t>
            </a:r>
            <a:r>
              <a:rPr lang="en-US" dirty="0" err="1"/>
              <a:t>ispisivanje</a:t>
            </a:r>
            <a:r>
              <a:rPr lang="en-US" dirty="0"/>
              <a:t> </a:t>
            </a:r>
            <a:r>
              <a:rPr lang="en-US" dirty="0" err="1"/>
              <a:t>sadr</a:t>
            </a:r>
            <a:r>
              <a:rPr lang="sr-Latn-RS" dirty="0" err="1"/>
              <a:t>žaja</a:t>
            </a:r>
            <a:r>
              <a:rPr lang="sr-Latn-RS" dirty="0"/>
              <a:t> iz </a:t>
            </a:r>
            <a:r>
              <a:rPr lang="sr-Latn-RS" dirty="0" err="1"/>
              <a:t>frameworka</a:t>
            </a:r>
            <a:endParaRPr lang="sr-Latn-RS" dirty="0"/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332961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284CCE55-BA7A-E323-397E-DF45B7F5777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/>
          <a:srcRect t="5233" b="-40293"/>
          <a:stretch/>
        </p:blipFill>
        <p:spPr>
          <a:xfrm>
            <a:off x="502920" y="990600"/>
            <a:ext cx="11379199" cy="4521200"/>
          </a:xfr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C1E5CD6C-5F5B-87B6-B547-91F4B61EFE99}"/>
              </a:ext>
            </a:extLst>
          </p:cNvPr>
          <p:cNvSpPr/>
          <p:nvPr/>
        </p:nvSpPr>
        <p:spPr>
          <a:xfrm>
            <a:off x="685800" y="2819400"/>
            <a:ext cx="3124200" cy="2286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843954C-6247-9B25-394C-2578DFD2AC1D}"/>
              </a:ext>
            </a:extLst>
          </p:cNvPr>
          <p:cNvSpPr/>
          <p:nvPr/>
        </p:nvSpPr>
        <p:spPr>
          <a:xfrm>
            <a:off x="7391400" y="1752600"/>
            <a:ext cx="3124200" cy="3048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32CD805-314C-A45A-EE94-5396836F5439}"/>
              </a:ext>
            </a:extLst>
          </p:cNvPr>
          <p:cNvSpPr txBox="1"/>
          <p:nvPr/>
        </p:nvSpPr>
        <p:spPr>
          <a:xfrm>
            <a:off x="685800" y="5252810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hlinkClick r:id="rId4"/>
              </a:rPr>
              <a:t>https://owasp.org/www-project-top-ten/</a:t>
            </a:r>
            <a:r>
              <a:rPr lang="en-US" dirty="0"/>
              <a:t> 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7648279-A630-1AD5-8B82-EA8643E7B0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7526" y="4921783"/>
            <a:ext cx="3390900" cy="11800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3838313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 vert="horz" lIns="91440" tIns="45720" rIns="91440" bIns="45720" rtlCol="0" anchor="t">
            <a:normAutofit fontScale="85000" lnSpcReduction="20000"/>
          </a:bodyPr>
          <a:lstStyle/>
          <a:p>
            <a:pPr lvl="1"/>
            <a:r>
              <a:rPr lang="sr-Latn-RS" dirty="0" err="1">
                <a:ea typeface="+mn-lt"/>
                <a:cs typeface="+mn-lt"/>
              </a:rPr>
              <a:t>Sanitizacija</a:t>
            </a:r>
            <a:r>
              <a:rPr lang="sr-Latn-RS" dirty="0">
                <a:ea typeface="+mn-lt"/>
                <a:cs typeface="+mn-lt"/>
              </a:rPr>
              <a:t> se uvek radi nad izlaznim podacima</a:t>
            </a:r>
            <a:endParaRPr lang="sr-Latn-RS" dirty="0"/>
          </a:p>
          <a:p>
            <a:pPr lvl="1"/>
            <a:r>
              <a:rPr lang="sr-Latn-RS" dirty="0"/>
              <a:t>Koristiti samo </a:t>
            </a:r>
            <a:r>
              <a:rPr lang="sr-Latn-RS" b="1" dirty="0">
                <a:solidFill>
                  <a:schemeClr val="accent1"/>
                </a:solidFill>
              </a:rPr>
              <a:t>postojeće biblioteke</a:t>
            </a:r>
            <a:r>
              <a:rPr lang="sr-Latn-RS" b="1" dirty="0"/>
              <a:t> </a:t>
            </a:r>
            <a:r>
              <a:rPr lang="sr-Latn-RS" dirty="0"/>
              <a:t>za </a:t>
            </a:r>
            <a:r>
              <a:rPr lang="sr-Latn-RS" dirty="0" err="1"/>
              <a:t>sanitizaciju</a:t>
            </a:r>
            <a:endParaRPr lang="sr-Latn-RS" dirty="0">
              <a:ea typeface="+mn-lt"/>
              <a:cs typeface="+mn-lt"/>
            </a:endParaRPr>
          </a:p>
          <a:p>
            <a:pPr lvl="1">
              <a:spcAft>
                <a:spcPts val="600"/>
              </a:spcAft>
            </a:pPr>
            <a:r>
              <a:rPr lang="sr-Latn-RS" dirty="0"/>
              <a:t>Nikada </a:t>
            </a:r>
            <a:r>
              <a:rPr lang="sr-Latn-RS" b="1" dirty="0">
                <a:solidFill>
                  <a:schemeClr val="accent1"/>
                </a:solidFill>
              </a:rPr>
              <a:t>ne kreirajte </a:t>
            </a:r>
            <a:r>
              <a:rPr lang="sr-Latn-RS" dirty="0"/>
              <a:t>svoje sanitizere!</a:t>
            </a:r>
          </a:p>
          <a:p>
            <a:pPr lvl="2">
              <a:spcAft>
                <a:spcPts val="600"/>
              </a:spcAft>
            </a:pPr>
            <a:r>
              <a:rPr lang="sr-Latn-RS" dirty="0"/>
              <a:t>Izuzetno</a:t>
            </a:r>
            <a:r>
              <a:rPr lang="en-US" dirty="0"/>
              <a:t> je</a:t>
            </a:r>
            <a:r>
              <a:rPr lang="sr-Latn-RS" dirty="0"/>
              <a:t> kompleksno kreirati sanitizere</a:t>
            </a:r>
            <a:endParaRPr lang="en-US" dirty="0"/>
          </a:p>
          <a:p>
            <a:pPr lvl="2"/>
            <a:r>
              <a:rPr lang="sr-Latn-RS" sz="2000" dirty="0">
                <a:cs typeface="Calibri" panose="020F0502020204030204"/>
              </a:rPr>
              <a:t>Cheatsheat za različite napade: </a:t>
            </a:r>
            <a:r>
              <a:rPr lang="en-US" sz="2000" dirty="0">
                <a:cs typeface="Calibri" panose="020F0502020204030204"/>
              </a:rPr>
              <a:t>https://owasp.org/www-community/xss-filter-evasion-cheatsheet</a:t>
            </a:r>
          </a:p>
          <a:p>
            <a:pPr lvl="2"/>
            <a:endParaRPr lang="sr-Latn-RS" dirty="0"/>
          </a:p>
          <a:p>
            <a:pPr marL="914400" lvl="2" indent="0">
              <a:buNone/>
            </a:pPr>
            <a:endParaRPr lang="sr-Latn-RS" dirty="0">
              <a:cs typeface="Calibri" panose="020F0502020204030204"/>
            </a:endParaRPr>
          </a:p>
          <a:p>
            <a:pPr lvl="1"/>
            <a:endParaRPr lang="sr-Latn-RS" dirty="0">
              <a:cs typeface="Calibri" panose="020F0502020204030204"/>
            </a:endParaRPr>
          </a:p>
          <a:p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r>
              <a:rPr lang="sr-Latn-RS" dirty="0"/>
              <a:t>Sanitizeri:</a:t>
            </a:r>
          </a:p>
          <a:p>
            <a:pPr lvl="1"/>
            <a:r>
              <a:rPr lang="sr-Latn-RS" dirty="0"/>
              <a:t>JAVA: </a:t>
            </a:r>
            <a:r>
              <a:rPr lang="en-US" b="1" dirty="0" err="1"/>
              <a:t>HtmlUtils.htmlEscape</a:t>
            </a:r>
            <a:endParaRPr lang="en-US" b="1" dirty="0"/>
          </a:p>
          <a:p>
            <a:pPr lvl="1"/>
            <a:r>
              <a:rPr lang="sr-Latn-RS" dirty="0"/>
              <a:t>.NET: </a:t>
            </a:r>
            <a:r>
              <a:rPr lang="en-US" dirty="0" err="1"/>
              <a:t>System.Web.Security.AntiXss.</a:t>
            </a:r>
            <a:r>
              <a:rPr lang="en-US" b="1" dirty="0" err="1"/>
              <a:t>AntiXssEncoder</a:t>
            </a:r>
            <a:endParaRPr lang="en-US" b="1" dirty="0"/>
          </a:p>
          <a:p>
            <a:pPr lvl="1"/>
            <a:endParaRPr lang="en-US" dirty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9D58A6CD-0F94-4988-BB13-10F2A1355B8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016049"/>
            <a:ext cx="10766612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IMG SRC="/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.fromCharCode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88,83,83))"&gt;&lt;/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8D5CD32E-050C-46EE-A535-CE5A6CC0C168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365706"/>
            <a:ext cx="10766612" cy="553998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x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"&amp;#0000106&amp;#0000097&amp;#0000118&amp;#0000097&amp;#0000115&amp;#0000099&amp;#0000114&amp;#0000105&amp;#0000112&amp;#0000116&amp;#0000058&amp;#0000097&amp;#0000108&amp;#0000101&amp;#0000114&amp;#0000116&amp;#0000040&amp;#0000039&amp;#0000088&amp;#0000083&amp;#0000083&amp;#0000039&amp;#0000041"&gt;</a:t>
            </a:r>
            <a:r>
              <a:rPr kumimoji="0" lang="en-US" altLang="en-US" sz="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22A7D49-FC41-46EB-BDC8-79EE286DE7F5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3634891"/>
            <a:ext cx="3040380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x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'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ss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')"&gt;</a:t>
            </a:r>
          </a:p>
        </p:txBody>
      </p:sp>
    </p:spTree>
    <p:extLst>
      <p:ext uri="{BB962C8B-B14F-4D97-AF65-F5344CB8AC3E}">
        <p14:creationId xmlns:p14="http://schemas.microsoft.com/office/powerpoint/2010/main" val="1177625756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 kroz framework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JavaScript, </a:t>
            </a:r>
            <a:r>
              <a:rPr lang="en-US" dirty="0" err="1"/>
              <a:t>na</a:t>
            </a:r>
            <a:r>
              <a:rPr lang="en-US" dirty="0"/>
              <a:t> HTML Element DOM </a:t>
            </a:r>
            <a:r>
              <a:rPr lang="en-US" dirty="0" err="1"/>
              <a:t>objekt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sr-Latn-R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extContent</a:t>
            </a:r>
            <a:r>
              <a:rPr lang="sr-Latn-RS" dirty="0"/>
              <a:t> umesto </a:t>
            </a:r>
            <a:r>
              <a:rPr lang="sr-Latn-RS" b="1" dirty="0" err="1"/>
              <a:t>innerHTML</a:t>
            </a:r>
            <a:endParaRPr lang="en-US" b="1" dirty="0"/>
          </a:p>
          <a:p>
            <a:r>
              <a:rPr lang="en-US" dirty="0" err="1"/>
              <a:t>Thymeleaf</a:t>
            </a:r>
            <a:r>
              <a:rPr lang="en-US" dirty="0"/>
              <a:t>, </a:t>
            </a:r>
            <a:r>
              <a:rPr lang="en-US" dirty="0" err="1"/>
              <a:t>na</a:t>
            </a:r>
            <a:r>
              <a:rPr lang="en-US" dirty="0"/>
              <a:t> HTML </a:t>
            </a:r>
            <a:r>
              <a:rPr lang="en-US" dirty="0" err="1"/>
              <a:t>element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en-U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h:text</a:t>
            </a:r>
            <a:r>
              <a:rPr lang="en-US" dirty="0">
                <a:solidFill>
                  <a:schemeClr val="accent1"/>
                </a:solidFill>
              </a:rPr>
              <a:t> </a:t>
            </a:r>
            <a:r>
              <a:rPr lang="en-US" dirty="0" err="1"/>
              <a:t>umesto</a:t>
            </a:r>
            <a:r>
              <a:rPr lang="en-US" b="1" dirty="0"/>
              <a:t> </a:t>
            </a:r>
            <a:r>
              <a:rPr lang="en-US" b="1" dirty="0" err="1"/>
              <a:t>th:utext</a:t>
            </a:r>
            <a:r>
              <a:rPr lang="en-US" dirty="0"/>
              <a:t> (unescaped text)</a:t>
            </a:r>
            <a:endParaRPr lang="sr-Latn-RS" dirty="0"/>
          </a:p>
          <a:p>
            <a:r>
              <a:rPr lang="sr-Latn-RS" dirty="0" err="1"/>
              <a:t>Angular</a:t>
            </a:r>
            <a:r>
              <a:rPr lang="sr-Latn-RS" dirty="0"/>
              <a:t>/</a:t>
            </a:r>
            <a:r>
              <a:rPr lang="sr-Latn-RS" dirty="0" err="1"/>
              <a:t>React</a:t>
            </a:r>
            <a:r>
              <a:rPr lang="sr-Latn-RS" dirty="0"/>
              <a:t> </a:t>
            </a:r>
            <a:r>
              <a:rPr lang="en-US" dirty="0" err="1"/>
              <a:t>automatski</a:t>
            </a:r>
            <a:r>
              <a:rPr lang="en-US" dirty="0"/>
              <a:t> </a:t>
            </a:r>
            <a:r>
              <a:rPr lang="en-US" dirty="0" err="1"/>
              <a:t>sanitizi</a:t>
            </a:r>
            <a:r>
              <a:rPr lang="sr-Latn-RS" dirty="0"/>
              <a:t>ju</a:t>
            </a:r>
            <a:r>
              <a:rPr lang="en-US" dirty="0"/>
              <a:t> </a:t>
            </a:r>
            <a:r>
              <a:rPr lang="en-US" dirty="0" err="1"/>
              <a:t>sve</a:t>
            </a:r>
            <a:r>
              <a:rPr lang="en-US" dirty="0"/>
              <a:t> </a:t>
            </a:r>
            <a:r>
              <a:rPr lang="sr-Latn-RS" dirty="0" err="1"/>
              <a:t>outpute</a:t>
            </a:r>
            <a:endParaRPr lang="sr-Latn-RS" dirty="0"/>
          </a:p>
          <a:p>
            <a:pPr marL="457200" lvl="1" indent="0">
              <a:buNone/>
            </a:pPr>
            <a:r>
              <a:rPr lang="sr-Latn-RS" dirty="0" err="1"/>
              <a:t>Sanitizer</a:t>
            </a:r>
            <a:r>
              <a:rPr lang="sr-Latn-RS" dirty="0"/>
              <a:t> mora eksplicitno da se zaobiđe sa nekoliko linija koda</a:t>
            </a:r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736569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454" b="900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opravka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494909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Question mark symbol">
            <a:extLst>
              <a:ext uri="{FF2B5EF4-FFF2-40B4-BE49-F238E27FC236}">
                <a16:creationId xmlns:a16="http://schemas.microsoft.com/office/drawing/2014/main" id="{68D48C21-63DE-54A6-4F84-26181CE53F9F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814" r="19814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1D983F0-6511-B3E4-A3F5-97FDA810B69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algn="just"/>
            <a:r>
              <a:rPr lang="sr-Latn-RS" dirty="0"/>
              <a:t>Pitanj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sr-Latn-RS" dirty="0"/>
              <a:t> </a:t>
            </a:r>
            <a:r>
              <a:rPr lang="en-US" dirty="0" err="1"/>
              <a:t>pokloni</a:t>
            </a:r>
            <a:endParaRPr lang="en-US" dirty="0"/>
          </a:p>
          <a:p>
            <a:pPr algn="just"/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7" name="Picture 6" descr="Text&#10;&#10;Description automatically generated">
            <a:extLst>
              <a:ext uri="{FF2B5EF4-FFF2-40B4-BE49-F238E27FC236}">
                <a16:creationId xmlns:a16="http://schemas.microsoft.com/office/drawing/2014/main" id="{B99ECEBC-9E4A-87A0-BB30-9E876F013C8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7188" y="2133600"/>
            <a:ext cx="2438400" cy="34580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132585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2" descr="Back of people's heads and raised hands at corporate presentation with speaker and whiteboard out of focus in background">
            <a:extLst>
              <a:ext uri="{FF2B5EF4-FFF2-40B4-BE49-F238E27FC236}">
                <a16:creationId xmlns:a16="http://schemas.microsoft.com/office/drawing/2014/main" id="{CFDF6D56-F8F5-B597-952C-4CF8105FED8E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097" b="10097"/>
          <a:stretch/>
        </p:blipFill>
        <p:spPr>
          <a:xfrm>
            <a:off x="406400" y="406400"/>
            <a:ext cx="11379200" cy="604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61531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20173E-4D91-4C5A-9579-9E05DDBB87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Da se upoznamo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80239-1094-4F0D-AA15-4BF58CDA25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8" name="Picture Placeholder 7" descr="A person wearing a blue shirt&#10;&#10;Description automatically generated">
            <a:extLst>
              <a:ext uri="{FF2B5EF4-FFF2-40B4-BE49-F238E27FC236}">
                <a16:creationId xmlns:a16="http://schemas.microsoft.com/office/drawing/2014/main" id="{89F543C4-2E50-4107-AB35-F5809317EB1A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406400" y="1981200"/>
            <a:ext cx="2090206" cy="2090206"/>
          </a:xfr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736E8-5A9D-4D8B-B041-07C5B9F8B39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895600" y="2209800"/>
            <a:ext cx="8712313" cy="553998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sr-Latn-RS" dirty="0">
                <a:latin typeface="AA Zuehlke Medium"/>
              </a:rPr>
              <a:t>Milan Starčević</a:t>
            </a:r>
          </a:p>
          <a:p>
            <a:r>
              <a:rPr lang="sr-Latn-RS" dirty="0">
                <a:latin typeface="AA Zuehlke Medium"/>
              </a:rPr>
              <a:t>Principal </a:t>
            </a:r>
            <a:r>
              <a:rPr lang="sr-Latn-RS">
                <a:latin typeface="AA Zuehlke Medium"/>
              </a:rPr>
              <a:t>Consultant</a:t>
            </a:r>
            <a:endParaRPr lang="sr-Latn-R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915ACE0-2649-4381-A4CB-1D21C0AC9E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2895599" y="2758537"/>
            <a:ext cx="8712313" cy="1107996"/>
          </a:xfrm>
        </p:spPr>
        <p:txBody>
          <a:bodyPr/>
          <a:lstStyle/>
          <a:p>
            <a:endParaRPr lang="en-US" dirty="0"/>
          </a:p>
          <a:p>
            <a:r>
              <a:rPr lang="sr-Latn-RS" dirty="0"/>
              <a:t>U Zuhlke-u od 201</a:t>
            </a:r>
            <a:r>
              <a:rPr lang="en-US" dirty="0"/>
              <a:t>3</a:t>
            </a:r>
            <a:r>
              <a:rPr lang="sr-Latn-RS" dirty="0"/>
              <a:t>.</a:t>
            </a:r>
          </a:p>
          <a:p>
            <a:r>
              <a:rPr lang="en-US" dirty="0"/>
              <a:t>W</a:t>
            </a:r>
            <a:r>
              <a:rPr lang="sr-Latn-RS" dirty="0" err="1"/>
              <a:t>eb</a:t>
            </a:r>
            <a:r>
              <a:rPr lang="sr-Latn-RS" dirty="0"/>
              <a:t> </a:t>
            </a:r>
            <a:r>
              <a:rPr lang="en-US" dirty="0" err="1"/>
              <a:t>aplikacije</a:t>
            </a:r>
            <a:r>
              <a:rPr lang="sr-Latn-RS" dirty="0"/>
              <a:t>, arhitektura, razvoj sigurnog softvera, vođenje tima</a:t>
            </a:r>
            <a:endParaRPr lang="en-US" dirty="0"/>
          </a:p>
          <a:p>
            <a:endParaRPr lang="en-US" dirty="0"/>
          </a:p>
          <a:p>
            <a:r>
              <a:rPr lang="sr-Latn-RS" dirty="0"/>
              <a:t>Prethodno radio u firmama </a:t>
            </a:r>
            <a:r>
              <a:rPr lang="sr-Latn-RS" dirty="0" err="1"/>
              <a:t>Modern</a:t>
            </a:r>
            <a:r>
              <a:rPr lang="sr-Latn-RS" dirty="0"/>
              <a:t> Office i Institutu Mihajlo Pupi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50620609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97741A8C-1636-934C-A809-6EAE6572CD3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6400" y="1126801"/>
            <a:ext cx="7794000" cy="361959"/>
          </a:xfrm>
        </p:spPr>
        <p:txBody>
          <a:bodyPr/>
          <a:lstStyle/>
          <a:p>
            <a:r>
              <a:rPr lang="en-GB" dirty="0"/>
              <a:t>Zühlke Group</a:t>
            </a:r>
          </a:p>
          <a:p>
            <a:endParaRPr lang="de-DE" dirty="0"/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74376171-E1A3-1D4D-B79B-DB5D53FBFC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7794000" cy="670063"/>
          </a:xfrm>
        </p:spPr>
        <p:txBody>
          <a:bodyPr/>
          <a:lstStyle/>
          <a:p>
            <a:r>
              <a:rPr lang="sr-Latn-RS" dirty="0"/>
              <a:t>Ko smo mi</a:t>
            </a:r>
            <a:endParaRPr lang="en-GB" dirty="0"/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2EB0B9D1-0E35-764A-8B9E-26C2A94A8B8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030" t="-6654" r="3039" b="-5628"/>
          <a:stretch/>
        </p:blipFill>
        <p:spPr>
          <a:xfrm>
            <a:off x="364107" y="1789112"/>
            <a:ext cx="6799085" cy="4662488"/>
          </a:xfrm>
          <a:prstGeom prst="rect">
            <a:avLst/>
          </a:prstGeom>
        </p:spPr>
      </p:pic>
      <p:sp>
        <p:nvSpPr>
          <p:cNvPr id="15" name="object 8">
            <a:extLst>
              <a:ext uri="{FF2B5EF4-FFF2-40B4-BE49-F238E27FC236}">
                <a16:creationId xmlns:a16="http://schemas.microsoft.com/office/drawing/2014/main" id="{C97C4963-7C4A-8445-86A6-B223D5CA688C}"/>
              </a:ext>
            </a:extLst>
          </p:cNvPr>
          <p:cNvSpPr/>
          <p:nvPr/>
        </p:nvSpPr>
        <p:spPr>
          <a:xfrm>
            <a:off x="7139604" y="1790690"/>
            <a:ext cx="4645996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en-GB" sz="1400" dirty="0" err="1"/>
              <a:t>Osnovani</a:t>
            </a:r>
            <a:r>
              <a:rPr lang="en-GB" sz="1400" dirty="0"/>
              <a:t> 1968 u </a:t>
            </a:r>
            <a:r>
              <a:rPr lang="sr-Latn-RS" sz="1400" dirty="0"/>
              <a:t>Švajcarskoj</a:t>
            </a:r>
            <a:endParaRPr lang="en-GB" sz="1400" dirty="0"/>
          </a:p>
        </p:txBody>
      </p:sp>
      <p:sp>
        <p:nvSpPr>
          <p:cNvPr id="16" name="object 8">
            <a:extLst>
              <a:ext uri="{FF2B5EF4-FFF2-40B4-BE49-F238E27FC236}">
                <a16:creationId xmlns:a16="http://schemas.microsoft.com/office/drawing/2014/main" id="{F96703E5-18B3-8D4C-968A-2DEB62A058AB}"/>
              </a:ext>
            </a:extLst>
          </p:cNvPr>
          <p:cNvSpPr/>
          <p:nvPr/>
        </p:nvSpPr>
        <p:spPr>
          <a:xfrm>
            <a:off x="7139603" y="2509826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7 </a:t>
            </a:r>
            <a:r>
              <a:rPr lang="sr-Latn-RS" sz="1400" dirty="0"/>
              <a:t>kancelarija</a:t>
            </a:r>
            <a:r>
              <a:rPr lang="en-GB" sz="1400" dirty="0"/>
              <a:t> </a:t>
            </a:r>
            <a:r>
              <a:rPr lang="en-US" sz="1400" dirty="0"/>
              <a:t>u</a:t>
            </a:r>
            <a:r>
              <a:rPr lang="en-GB" sz="1400" dirty="0"/>
              <a:t> 10 </a:t>
            </a:r>
            <a:r>
              <a:rPr lang="sr-Latn-RS" sz="1400" dirty="0"/>
              <a:t>zemalja</a:t>
            </a:r>
            <a:endParaRPr lang="en-GB" sz="1400" dirty="0"/>
          </a:p>
        </p:txBody>
      </p:sp>
      <p:sp>
        <p:nvSpPr>
          <p:cNvPr id="17" name="object 8">
            <a:extLst>
              <a:ext uri="{FF2B5EF4-FFF2-40B4-BE49-F238E27FC236}">
                <a16:creationId xmlns:a16="http://schemas.microsoft.com/office/drawing/2014/main" id="{2956EBC8-516C-5447-B34C-A68A6941213F}"/>
              </a:ext>
            </a:extLst>
          </p:cNvPr>
          <p:cNvSpPr/>
          <p:nvPr/>
        </p:nvSpPr>
        <p:spPr>
          <a:xfrm>
            <a:off x="7139603" y="3228962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600 </a:t>
            </a:r>
            <a:r>
              <a:rPr lang="sr-Latn-RS" sz="1400" dirty="0"/>
              <a:t>zaposlenih širom sveta</a:t>
            </a:r>
            <a:endParaRPr lang="en-GB" sz="1400" dirty="0"/>
          </a:p>
        </p:txBody>
      </p:sp>
      <p:sp>
        <p:nvSpPr>
          <p:cNvPr id="18" name="object 8">
            <a:extLst>
              <a:ext uri="{FF2B5EF4-FFF2-40B4-BE49-F238E27FC236}">
                <a16:creationId xmlns:a16="http://schemas.microsoft.com/office/drawing/2014/main" id="{60AE1992-4D1E-1D4E-95F8-AF96176EDE93}"/>
              </a:ext>
            </a:extLst>
          </p:cNvPr>
          <p:cNvSpPr/>
          <p:nvPr/>
        </p:nvSpPr>
        <p:spPr>
          <a:xfrm>
            <a:off x="7139603" y="3948098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sr-Latn-RS" sz="1400" dirty="0"/>
              <a:t>10 000 projekata za različite industrije</a:t>
            </a:r>
            <a:endParaRPr lang="en-GB" sz="1400" dirty="0"/>
          </a:p>
        </p:txBody>
      </p:sp>
      <p:sp>
        <p:nvSpPr>
          <p:cNvPr id="19" name="object 8">
            <a:extLst>
              <a:ext uri="{FF2B5EF4-FFF2-40B4-BE49-F238E27FC236}">
                <a16:creationId xmlns:a16="http://schemas.microsoft.com/office/drawing/2014/main" id="{5C93248D-CA2D-744E-A78D-EB4DEF07D4D7}"/>
              </a:ext>
            </a:extLst>
          </p:cNvPr>
          <p:cNvSpPr/>
          <p:nvPr/>
        </p:nvSpPr>
        <p:spPr>
          <a:xfrm>
            <a:off x="7139603" y="4667234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ISO </a:t>
            </a:r>
            <a:r>
              <a:rPr lang="sr-Latn-RS" sz="1400" dirty="0"/>
              <a:t>sertifikacije</a:t>
            </a:r>
            <a:r>
              <a:rPr lang="en-GB" sz="1400" dirty="0"/>
              <a:t>: 9001, 13485, 27001</a:t>
            </a:r>
          </a:p>
        </p:txBody>
      </p:sp>
      <p:pic>
        <p:nvPicPr>
          <p:cNvPr id="20" name="object 9" descr="Diploma roll with solid fill">
            <a:extLst>
              <a:ext uri="{FF2B5EF4-FFF2-40B4-BE49-F238E27FC236}">
                <a16:creationId xmlns:a16="http://schemas.microsoft.com/office/drawing/2014/main" id="{D2CEA645-36C8-DF44-808A-734403CFA886}"/>
              </a:ext>
            </a:extLst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7266654" y="1789113"/>
            <a:ext cx="716033" cy="716033"/>
          </a:xfrm>
          <a:prstGeom prst="rect">
            <a:avLst/>
          </a:prstGeom>
        </p:spPr>
      </p:pic>
      <p:sp>
        <p:nvSpPr>
          <p:cNvPr id="21" name="object 18">
            <a:extLst>
              <a:ext uri="{FF2B5EF4-FFF2-40B4-BE49-F238E27FC236}">
                <a16:creationId xmlns:a16="http://schemas.microsoft.com/office/drawing/2014/main" id="{56D3BD55-5A56-4F4F-8DD8-FFCF2FC7C8E7}"/>
              </a:ext>
            </a:extLst>
          </p:cNvPr>
          <p:cNvSpPr/>
          <p:nvPr/>
        </p:nvSpPr>
        <p:spPr>
          <a:xfrm>
            <a:off x="7408670" y="2589500"/>
            <a:ext cx="432000" cy="432000"/>
          </a:xfrm>
          <a:custGeom>
            <a:avLst/>
            <a:gdLst/>
            <a:ahLst/>
            <a:cxnLst/>
            <a:rect l="l" t="t" r="r" b="b"/>
            <a:pathLst>
              <a:path w="591185" h="603885">
                <a:moveTo>
                  <a:pt x="178689" y="111988"/>
                </a:moveTo>
                <a:lnTo>
                  <a:pt x="177914" y="110401"/>
                </a:lnTo>
                <a:lnTo>
                  <a:pt x="165481" y="97688"/>
                </a:lnTo>
                <a:lnTo>
                  <a:pt x="160820" y="97688"/>
                </a:lnTo>
                <a:lnTo>
                  <a:pt x="142163" y="116751"/>
                </a:lnTo>
                <a:lnTo>
                  <a:pt x="142163" y="121513"/>
                </a:lnTo>
                <a:lnTo>
                  <a:pt x="155371" y="135013"/>
                </a:lnTo>
                <a:lnTo>
                  <a:pt x="155371" y="142963"/>
                </a:lnTo>
                <a:lnTo>
                  <a:pt x="167805" y="142963"/>
                </a:lnTo>
                <a:lnTo>
                  <a:pt x="170916" y="139788"/>
                </a:lnTo>
                <a:lnTo>
                  <a:pt x="170916" y="127076"/>
                </a:lnTo>
                <a:lnTo>
                  <a:pt x="178689" y="127076"/>
                </a:lnTo>
                <a:lnTo>
                  <a:pt x="178689" y="111988"/>
                </a:lnTo>
                <a:close/>
              </a:path>
              <a:path w="591185" h="603885">
                <a:moveTo>
                  <a:pt x="590626" y="301205"/>
                </a:moveTo>
                <a:lnTo>
                  <a:pt x="588175" y="270040"/>
                </a:lnTo>
                <a:lnTo>
                  <a:pt x="586867" y="253428"/>
                </a:lnTo>
                <a:lnTo>
                  <a:pt x="586752" y="252564"/>
                </a:lnTo>
                <a:lnTo>
                  <a:pt x="581964" y="232702"/>
                </a:lnTo>
                <a:lnTo>
                  <a:pt x="579488" y="222377"/>
                </a:lnTo>
                <a:lnTo>
                  <a:pt x="575627" y="206375"/>
                </a:lnTo>
                <a:lnTo>
                  <a:pt x="562546" y="174726"/>
                </a:lnTo>
                <a:lnTo>
                  <a:pt x="557999" y="163715"/>
                </a:lnTo>
                <a:lnTo>
                  <a:pt x="557999" y="302996"/>
                </a:lnTo>
                <a:lnTo>
                  <a:pt x="554202" y="350786"/>
                </a:lnTo>
                <a:lnTo>
                  <a:pt x="542251" y="396151"/>
                </a:lnTo>
                <a:lnTo>
                  <a:pt x="522909" y="438061"/>
                </a:lnTo>
                <a:lnTo>
                  <a:pt x="496963" y="475665"/>
                </a:lnTo>
                <a:lnTo>
                  <a:pt x="465188" y="508203"/>
                </a:lnTo>
                <a:lnTo>
                  <a:pt x="428358" y="534860"/>
                </a:lnTo>
                <a:lnTo>
                  <a:pt x="387248" y="554888"/>
                </a:lnTo>
                <a:lnTo>
                  <a:pt x="342633" y="567474"/>
                </a:lnTo>
                <a:lnTo>
                  <a:pt x="295287" y="571842"/>
                </a:lnTo>
                <a:lnTo>
                  <a:pt x="247942" y="567474"/>
                </a:lnTo>
                <a:lnTo>
                  <a:pt x="203314" y="554875"/>
                </a:lnTo>
                <a:lnTo>
                  <a:pt x="162166" y="534835"/>
                </a:lnTo>
                <a:lnTo>
                  <a:pt x="125260" y="508127"/>
                </a:lnTo>
                <a:lnTo>
                  <a:pt x="93357" y="475526"/>
                </a:lnTo>
                <a:lnTo>
                  <a:pt x="67221" y="437819"/>
                </a:lnTo>
                <a:lnTo>
                  <a:pt x="47599" y="395782"/>
                </a:lnTo>
                <a:lnTo>
                  <a:pt x="35293" y="350227"/>
                </a:lnTo>
                <a:lnTo>
                  <a:pt x="31102" y="302996"/>
                </a:lnTo>
                <a:lnTo>
                  <a:pt x="31051" y="301205"/>
                </a:lnTo>
                <a:lnTo>
                  <a:pt x="35280" y="253428"/>
                </a:lnTo>
                <a:lnTo>
                  <a:pt x="47599" y="207822"/>
                </a:lnTo>
                <a:lnTo>
                  <a:pt x="67221" y="165785"/>
                </a:lnTo>
                <a:lnTo>
                  <a:pt x="93357" y="128079"/>
                </a:lnTo>
                <a:lnTo>
                  <a:pt x="125260" y="95478"/>
                </a:lnTo>
                <a:lnTo>
                  <a:pt x="162166" y="68770"/>
                </a:lnTo>
                <a:lnTo>
                  <a:pt x="203314" y="48729"/>
                </a:lnTo>
                <a:lnTo>
                  <a:pt x="247942" y="36144"/>
                </a:lnTo>
                <a:lnTo>
                  <a:pt x="295287" y="31762"/>
                </a:lnTo>
                <a:lnTo>
                  <a:pt x="323405" y="33248"/>
                </a:lnTo>
                <a:lnTo>
                  <a:pt x="376732" y="44831"/>
                </a:lnTo>
                <a:lnTo>
                  <a:pt x="348157" y="79425"/>
                </a:lnTo>
                <a:lnTo>
                  <a:pt x="340309" y="75031"/>
                </a:lnTo>
                <a:lnTo>
                  <a:pt x="324827" y="67106"/>
                </a:lnTo>
                <a:lnTo>
                  <a:pt x="305282" y="59194"/>
                </a:lnTo>
                <a:lnTo>
                  <a:pt x="286740" y="55600"/>
                </a:lnTo>
                <a:lnTo>
                  <a:pt x="269036" y="57861"/>
                </a:lnTo>
                <a:lnTo>
                  <a:pt x="249428" y="63639"/>
                </a:lnTo>
                <a:lnTo>
                  <a:pt x="230987" y="71348"/>
                </a:lnTo>
                <a:lnTo>
                  <a:pt x="216789" y="79425"/>
                </a:lnTo>
                <a:lnTo>
                  <a:pt x="207606" y="89293"/>
                </a:lnTo>
                <a:lnTo>
                  <a:pt x="209791" y="96405"/>
                </a:lnTo>
                <a:lnTo>
                  <a:pt x="217220" y="100977"/>
                </a:lnTo>
                <a:lnTo>
                  <a:pt x="223774" y="103251"/>
                </a:lnTo>
                <a:lnTo>
                  <a:pt x="252539" y="103251"/>
                </a:lnTo>
                <a:lnTo>
                  <a:pt x="257200" y="100863"/>
                </a:lnTo>
                <a:lnTo>
                  <a:pt x="260311" y="96100"/>
                </a:lnTo>
                <a:lnTo>
                  <a:pt x="268859" y="82600"/>
                </a:lnTo>
                <a:lnTo>
                  <a:pt x="270421" y="80213"/>
                </a:lnTo>
                <a:lnTo>
                  <a:pt x="272757" y="79425"/>
                </a:lnTo>
                <a:lnTo>
                  <a:pt x="287515" y="79425"/>
                </a:lnTo>
                <a:lnTo>
                  <a:pt x="271195" y="107226"/>
                </a:lnTo>
                <a:lnTo>
                  <a:pt x="267309" y="114363"/>
                </a:lnTo>
                <a:lnTo>
                  <a:pt x="259537" y="119138"/>
                </a:lnTo>
                <a:lnTo>
                  <a:pt x="226885" y="119138"/>
                </a:lnTo>
                <a:lnTo>
                  <a:pt x="223774" y="119926"/>
                </a:lnTo>
                <a:lnTo>
                  <a:pt x="221449" y="121513"/>
                </a:lnTo>
                <a:lnTo>
                  <a:pt x="202018" y="135013"/>
                </a:lnTo>
                <a:lnTo>
                  <a:pt x="181800" y="135013"/>
                </a:lnTo>
                <a:lnTo>
                  <a:pt x="178689" y="138188"/>
                </a:lnTo>
                <a:lnTo>
                  <a:pt x="178689" y="155663"/>
                </a:lnTo>
                <a:lnTo>
                  <a:pt x="175590" y="158838"/>
                </a:lnTo>
                <a:lnTo>
                  <a:pt x="158483" y="158838"/>
                </a:lnTo>
                <a:lnTo>
                  <a:pt x="153822" y="161226"/>
                </a:lnTo>
                <a:lnTo>
                  <a:pt x="150710" y="165989"/>
                </a:lnTo>
                <a:lnTo>
                  <a:pt x="141376" y="181076"/>
                </a:lnTo>
                <a:lnTo>
                  <a:pt x="139827" y="184264"/>
                </a:lnTo>
                <a:lnTo>
                  <a:pt x="139827" y="195376"/>
                </a:lnTo>
                <a:lnTo>
                  <a:pt x="142938" y="198551"/>
                </a:lnTo>
                <a:lnTo>
                  <a:pt x="177914" y="198551"/>
                </a:lnTo>
                <a:lnTo>
                  <a:pt x="179476" y="197764"/>
                </a:lnTo>
                <a:lnTo>
                  <a:pt x="208229" y="168376"/>
                </a:lnTo>
                <a:lnTo>
                  <a:pt x="212115" y="166789"/>
                </a:lnTo>
                <a:lnTo>
                  <a:pt x="222999" y="166789"/>
                </a:lnTo>
                <a:lnTo>
                  <a:pt x="226110" y="169164"/>
                </a:lnTo>
                <a:lnTo>
                  <a:pt x="226885" y="173139"/>
                </a:lnTo>
                <a:lnTo>
                  <a:pt x="231546" y="193001"/>
                </a:lnTo>
                <a:lnTo>
                  <a:pt x="232333" y="196176"/>
                </a:lnTo>
                <a:lnTo>
                  <a:pt x="235445" y="199351"/>
                </a:lnTo>
                <a:lnTo>
                  <a:pt x="245541" y="199351"/>
                </a:lnTo>
                <a:lnTo>
                  <a:pt x="248653" y="196176"/>
                </a:lnTo>
                <a:lnTo>
                  <a:pt x="248653" y="168376"/>
                </a:lnTo>
                <a:lnTo>
                  <a:pt x="249428" y="166789"/>
                </a:lnTo>
                <a:lnTo>
                  <a:pt x="250990" y="165201"/>
                </a:lnTo>
                <a:lnTo>
                  <a:pt x="256425" y="158838"/>
                </a:lnTo>
                <a:lnTo>
                  <a:pt x="262648" y="177114"/>
                </a:lnTo>
                <a:lnTo>
                  <a:pt x="263423" y="180289"/>
                </a:lnTo>
                <a:lnTo>
                  <a:pt x="266534" y="182676"/>
                </a:lnTo>
                <a:lnTo>
                  <a:pt x="278968" y="182676"/>
                </a:lnTo>
                <a:lnTo>
                  <a:pt x="280530" y="181876"/>
                </a:lnTo>
                <a:lnTo>
                  <a:pt x="286740" y="175526"/>
                </a:lnTo>
                <a:lnTo>
                  <a:pt x="288302" y="174726"/>
                </a:lnTo>
                <a:lnTo>
                  <a:pt x="299961" y="174726"/>
                </a:lnTo>
                <a:lnTo>
                  <a:pt x="303072" y="177901"/>
                </a:lnTo>
                <a:lnTo>
                  <a:pt x="303072" y="195376"/>
                </a:lnTo>
                <a:lnTo>
                  <a:pt x="306171" y="198551"/>
                </a:lnTo>
                <a:lnTo>
                  <a:pt x="344271" y="198551"/>
                </a:lnTo>
                <a:lnTo>
                  <a:pt x="348157" y="204114"/>
                </a:lnTo>
                <a:lnTo>
                  <a:pt x="345821" y="208876"/>
                </a:lnTo>
                <a:lnTo>
                  <a:pt x="343484" y="216027"/>
                </a:lnTo>
                <a:lnTo>
                  <a:pt x="341934" y="220002"/>
                </a:lnTo>
                <a:lnTo>
                  <a:pt x="338823" y="222377"/>
                </a:lnTo>
                <a:lnTo>
                  <a:pt x="334937" y="221589"/>
                </a:lnTo>
                <a:lnTo>
                  <a:pt x="297624" y="215239"/>
                </a:lnTo>
                <a:lnTo>
                  <a:pt x="292188" y="215239"/>
                </a:lnTo>
                <a:lnTo>
                  <a:pt x="260311" y="221589"/>
                </a:lnTo>
                <a:lnTo>
                  <a:pt x="257200" y="222377"/>
                </a:lnTo>
                <a:lnTo>
                  <a:pt x="254876" y="221589"/>
                </a:lnTo>
                <a:lnTo>
                  <a:pt x="251764" y="220789"/>
                </a:lnTo>
                <a:lnTo>
                  <a:pt x="241363" y="216890"/>
                </a:lnTo>
                <a:lnTo>
                  <a:pt x="227469" y="212153"/>
                </a:lnTo>
                <a:lnTo>
                  <a:pt x="213283" y="208178"/>
                </a:lnTo>
                <a:lnTo>
                  <a:pt x="202018" y="206502"/>
                </a:lnTo>
                <a:lnTo>
                  <a:pt x="148412" y="216801"/>
                </a:lnTo>
                <a:lnTo>
                  <a:pt x="120688" y="241249"/>
                </a:lnTo>
                <a:lnTo>
                  <a:pt x="110299" y="270154"/>
                </a:lnTo>
                <a:lnTo>
                  <a:pt x="108737" y="293865"/>
                </a:lnTo>
                <a:lnTo>
                  <a:pt x="111975" y="315950"/>
                </a:lnTo>
                <a:lnTo>
                  <a:pt x="121272" y="333578"/>
                </a:lnTo>
                <a:lnTo>
                  <a:pt x="135953" y="345236"/>
                </a:lnTo>
                <a:lnTo>
                  <a:pt x="155371" y="349453"/>
                </a:lnTo>
                <a:lnTo>
                  <a:pt x="181952" y="350227"/>
                </a:lnTo>
                <a:lnTo>
                  <a:pt x="207060" y="356806"/>
                </a:lnTo>
                <a:lnTo>
                  <a:pt x="225767" y="375589"/>
                </a:lnTo>
                <a:lnTo>
                  <a:pt x="233108" y="412991"/>
                </a:lnTo>
                <a:lnTo>
                  <a:pt x="233108" y="462241"/>
                </a:lnTo>
                <a:lnTo>
                  <a:pt x="233692" y="469226"/>
                </a:lnTo>
                <a:lnTo>
                  <a:pt x="264972" y="515454"/>
                </a:lnTo>
                <a:lnTo>
                  <a:pt x="275856" y="524179"/>
                </a:lnTo>
                <a:lnTo>
                  <a:pt x="307733" y="524179"/>
                </a:lnTo>
                <a:lnTo>
                  <a:pt x="313944" y="521804"/>
                </a:lnTo>
                <a:lnTo>
                  <a:pt x="317842" y="517042"/>
                </a:lnTo>
                <a:lnTo>
                  <a:pt x="340385" y="494004"/>
                </a:lnTo>
                <a:lnTo>
                  <a:pt x="360591" y="452704"/>
                </a:lnTo>
                <a:lnTo>
                  <a:pt x="364477" y="440791"/>
                </a:lnTo>
                <a:lnTo>
                  <a:pt x="364477" y="392341"/>
                </a:lnTo>
                <a:lnTo>
                  <a:pt x="366814" y="385991"/>
                </a:lnTo>
                <a:lnTo>
                  <a:pt x="371475" y="382016"/>
                </a:lnTo>
                <a:lnTo>
                  <a:pt x="415785" y="336753"/>
                </a:lnTo>
                <a:lnTo>
                  <a:pt x="415785" y="330390"/>
                </a:lnTo>
                <a:lnTo>
                  <a:pt x="411899" y="328015"/>
                </a:lnTo>
                <a:lnTo>
                  <a:pt x="404202" y="322999"/>
                </a:lnTo>
                <a:lnTo>
                  <a:pt x="385368" y="308152"/>
                </a:lnTo>
                <a:lnTo>
                  <a:pt x="361721" y="283781"/>
                </a:lnTo>
                <a:lnTo>
                  <a:pt x="339598" y="250177"/>
                </a:lnTo>
                <a:lnTo>
                  <a:pt x="337273" y="244614"/>
                </a:lnTo>
                <a:lnTo>
                  <a:pt x="340385" y="238264"/>
                </a:lnTo>
                <a:lnTo>
                  <a:pt x="349707" y="238264"/>
                </a:lnTo>
                <a:lnTo>
                  <a:pt x="394017" y="297040"/>
                </a:lnTo>
                <a:lnTo>
                  <a:pt x="398843" y="301205"/>
                </a:lnTo>
                <a:lnTo>
                  <a:pt x="404698" y="302996"/>
                </a:lnTo>
                <a:lnTo>
                  <a:pt x="410845" y="302399"/>
                </a:lnTo>
                <a:lnTo>
                  <a:pt x="416560" y="299427"/>
                </a:lnTo>
                <a:lnTo>
                  <a:pt x="442214" y="277177"/>
                </a:lnTo>
                <a:lnTo>
                  <a:pt x="446100" y="274002"/>
                </a:lnTo>
                <a:lnTo>
                  <a:pt x="446100" y="266852"/>
                </a:lnTo>
                <a:lnTo>
                  <a:pt x="441426" y="264477"/>
                </a:lnTo>
                <a:lnTo>
                  <a:pt x="418109" y="250177"/>
                </a:lnTo>
                <a:lnTo>
                  <a:pt x="414997" y="247802"/>
                </a:lnTo>
                <a:lnTo>
                  <a:pt x="413448" y="243827"/>
                </a:lnTo>
                <a:lnTo>
                  <a:pt x="414997" y="239852"/>
                </a:lnTo>
                <a:lnTo>
                  <a:pt x="415785" y="238264"/>
                </a:lnTo>
                <a:lnTo>
                  <a:pt x="418109" y="234289"/>
                </a:lnTo>
                <a:lnTo>
                  <a:pt x="422770" y="232702"/>
                </a:lnTo>
                <a:lnTo>
                  <a:pt x="426669" y="235089"/>
                </a:lnTo>
                <a:lnTo>
                  <a:pt x="454647" y="252564"/>
                </a:lnTo>
                <a:lnTo>
                  <a:pt x="456984" y="254152"/>
                </a:lnTo>
                <a:lnTo>
                  <a:pt x="460082" y="254939"/>
                </a:lnTo>
                <a:lnTo>
                  <a:pt x="477189" y="254939"/>
                </a:lnTo>
                <a:lnTo>
                  <a:pt x="482625" y="258914"/>
                </a:lnTo>
                <a:lnTo>
                  <a:pt x="484962" y="264477"/>
                </a:lnTo>
                <a:lnTo>
                  <a:pt x="507504" y="316890"/>
                </a:lnTo>
                <a:lnTo>
                  <a:pt x="509841" y="322453"/>
                </a:lnTo>
                <a:lnTo>
                  <a:pt x="515277" y="326428"/>
                </a:lnTo>
                <a:lnTo>
                  <a:pt x="528497" y="326428"/>
                </a:lnTo>
                <a:lnTo>
                  <a:pt x="534708" y="320065"/>
                </a:lnTo>
                <a:lnTo>
                  <a:pt x="534708" y="288302"/>
                </a:lnTo>
                <a:lnTo>
                  <a:pt x="535495" y="285915"/>
                </a:lnTo>
                <a:lnTo>
                  <a:pt x="537819" y="284327"/>
                </a:lnTo>
                <a:lnTo>
                  <a:pt x="555701" y="270040"/>
                </a:lnTo>
                <a:lnTo>
                  <a:pt x="556717" y="277914"/>
                </a:lnTo>
                <a:lnTo>
                  <a:pt x="557453" y="286016"/>
                </a:lnTo>
                <a:lnTo>
                  <a:pt x="557885" y="294271"/>
                </a:lnTo>
                <a:lnTo>
                  <a:pt x="557999" y="302996"/>
                </a:lnTo>
                <a:lnTo>
                  <a:pt x="557999" y="163715"/>
                </a:lnTo>
                <a:lnTo>
                  <a:pt x="533717" y="123520"/>
                </a:lnTo>
                <a:lnTo>
                  <a:pt x="504202" y="88353"/>
                </a:lnTo>
                <a:lnTo>
                  <a:pt x="469785" y="58204"/>
                </a:lnTo>
                <a:lnTo>
                  <a:pt x="431088" y="33667"/>
                </a:lnTo>
                <a:lnTo>
                  <a:pt x="388696" y="15379"/>
                </a:lnTo>
                <a:lnTo>
                  <a:pt x="343230" y="3949"/>
                </a:lnTo>
                <a:lnTo>
                  <a:pt x="295287" y="0"/>
                </a:lnTo>
                <a:lnTo>
                  <a:pt x="247357" y="3949"/>
                </a:lnTo>
                <a:lnTo>
                  <a:pt x="201891" y="15379"/>
                </a:lnTo>
                <a:lnTo>
                  <a:pt x="159499" y="33667"/>
                </a:lnTo>
                <a:lnTo>
                  <a:pt x="120802" y="58204"/>
                </a:lnTo>
                <a:lnTo>
                  <a:pt x="86385" y="88353"/>
                </a:lnTo>
                <a:lnTo>
                  <a:pt x="56870" y="123520"/>
                </a:lnTo>
                <a:lnTo>
                  <a:pt x="32854" y="163068"/>
                </a:lnTo>
                <a:lnTo>
                  <a:pt x="14960" y="206375"/>
                </a:lnTo>
                <a:lnTo>
                  <a:pt x="3835" y="252564"/>
                </a:lnTo>
                <a:lnTo>
                  <a:pt x="101" y="299427"/>
                </a:lnTo>
                <a:lnTo>
                  <a:pt x="0" y="302996"/>
                </a:lnTo>
                <a:lnTo>
                  <a:pt x="3771" y="350786"/>
                </a:lnTo>
                <a:lnTo>
                  <a:pt x="14960" y="397243"/>
                </a:lnTo>
                <a:lnTo>
                  <a:pt x="32854" y="440550"/>
                </a:lnTo>
                <a:lnTo>
                  <a:pt x="56870" y="480085"/>
                </a:lnTo>
                <a:lnTo>
                  <a:pt x="86385" y="515251"/>
                </a:lnTo>
                <a:lnTo>
                  <a:pt x="120802" y="545401"/>
                </a:lnTo>
                <a:lnTo>
                  <a:pt x="159499" y="569937"/>
                </a:lnTo>
                <a:lnTo>
                  <a:pt x="201891" y="588225"/>
                </a:lnTo>
                <a:lnTo>
                  <a:pt x="247357" y="599655"/>
                </a:lnTo>
                <a:lnTo>
                  <a:pt x="295287" y="603605"/>
                </a:lnTo>
                <a:lnTo>
                  <a:pt x="343230" y="599655"/>
                </a:lnTo>
                <a:lnTo>
                  <a:pt x="388696" y="588225"/>
                </a:lnTo>
                <a:lnTo>
                  <a:pt x="426681" y="571842"/>
                </a:lnTo>
                <a:lnTo>
                  <a:pt x="469785" y="545401"/>
                </a:lnTo>
                <a:lnTo>
                  <a:pt x="504202" y="515251"/>
                </a:lnTo>
                <a:lnTo>
                  <a:pt x="533717" y="480085"/>
                </a:lnTo>
                <a:lnTo>
                  <a:pt x="557733" y="440550"/>
                </a:lnTo>
                <a:lnTo>
                  <a:pt x="575627" y="397243"/>
                </a:lnTo>
                <a:lnTo>
                  <a:pt x="586816" y="350786"/>
                </a:lnTo>
                <a:lnTo>
                  <a:pt x="590588" y="302996"/>
                </a:lnTo>
                <a:lnTo>
                  <a:pt x="590626" y="301205"/>
                </a:lnTo>
                <a:close/>
              </a:path>
            </a:pathLst>
          </a:custGeom>
          <a:solidFill>
            <a:schemeClr val="tx1"/>
          </a:solidFill>
        </p:spPr>
        <p:txBody>
          <a:bodyPr wrap="square" lIns="0" tIns="0" rIns="0" bIns="0" rtlCol="0"/>
          <a:lstStyle/>
          <a:p>
            <a:endParaRPr lang="en-GB"/>
          </a:p>
        </p:txBody>
      </p:sp>
      <p:pic>
        <p:nvPicPr>
          <p:cNvPr id="22" name="Graphic 39" descr="Group success with solid fill">
            <a:extLst>
              <a:ext uri="{FF2B5EF4-FFF2-40B4-BE49-F238E27FC236}">
                <a16:creationId xmlns:a16="http://schemas.microsoft.com/office/drawing/2014/main" id="{175403DD-A8E5-434A-858A-C9E5528F71E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300670" y="3219870"/>
            <a:ext cx="648000" cy="648000"/>
          </a:xfrm>
          <a:prstGeom prst="rect">
            <a:avLst/>
          </a:prstGeom>
        </p:spPr>
      </p:pic>
      <p:pic>
        <p:nvPicPr>
          <p:cNvPr id="23" name="Graphic 40" descr="Handshake with solid fill">
            <a:extLst>
              <a:ext uri="{FF2B5EF4-FFF2-40B4-BE49-F238E27FC236}">
                <a16:creationId xmlns:a16="http://schemas.microsoft.com/office/drawing/2014/main" id="{052C8DC6-097F-AC4E-A21C-387F0920B7E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300670" y="3926654"/>
            <a:ext cx="648000" cy="648000"/>
          </a:xfrm>
          <a:prstGeom prst="rect">
            <a:avLst/>
          </a:prstGeom>
        </p:spPr>
      </p:pic>
      <p:pic>
        <p:nvPicPr>
          <p:cNvPr id="24" name="Graphic 41" descr="Ribbon with solid fill">
            <a:extLst>
              <a:ext uri="{FF2B5EF4-FFF2-40B4-BE49-F238E27FC236}">
                <a16:creationId xmlns:a16="http://schemas.microsoft.com/office/drawing/2014/main" id="{C54AFFDA-FB89-CD47-8074-F2562C19B497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339916" y="4692513"/>
            <a:ext cx="576000" cy="576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2492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o </a:t>
            </a:r>
            <a:r>
              <a:rPr lang="en-GB" dirty="0" err="1"/>
              <a:t>smo</a:t>
            </a:r>
            <a:r>
              <a:rPr lang="en-GB" dirty="0"/>
              <a:t> mi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en-GB" dirty="0" err="1">
                <a:latin typeface="AA Zuehlke"/>
              </a:rPr>
              <a:t>Osnova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oktobra</a:t>
            </a:r>
            <a:r>
              <a:rPr lang="en-GB" dirty="0">
                <a:latin typeface="AA Zuehlke"/>
              </a:rPr>
              <a:t> 2013.</a:t>
            </a:r>
          </a:p>
          <a:p>
            <a:r>
              <a:rPr lang="en-GB" dirty="0" err="1">
                <a:latin typeface="AA Zuehlke"/>
              </a:rPr>
              <a:t>Trenutno</a:t>
            </a:r>
            <a:r>
              <a:rPr lang="en-GB" dirty="0">
                <a:latin typeface="AA Zuehlke"/>
              </a:rPr>
              <a:t> 150+ </a:t>
            </a:r>
            <a:r>
              <a:rPr lang="en-GB" dirty="0" err="1">
                <a:latin typeface="AA Zuehlke"/>
              </a:rPr>
              <a:t>inženjera</a:t>
            </a:r>
            <a:endParaRPr lang="en-GB" dirty="0">
              <a:latin typeface="AA Zuehlke"/>
            </a:endParaRPr>
          </a:p>
          <a:p>
            <a:r>
              <a:rPr lang="en-GB" dirty="0">
                <a:latin typeface="AA Zuehlke"/>
              </a:rPr>
              <a:t>5 </a:t>
            </a:r>
            <a:r>
              <a:rPr lang="en-GB" dirty="0" err="1">
                <a:latin typeface="AA Zuehlke"/>
              </a:rPr>
              <a:t>odeljenja</a:t>
            </a:r>
            <a:r>
              <a:rPr lang="en-GB" dirty="0">
                <a:latin typeface="AA Zuehlke"/>
              </a:rPr>
              <a:t> - .NET, Java, Embedded</a:t>
            </a:r>
            <a:r>
              <a:rPr lang="sr-Latn-RS" dirty="0">
                <a:latin typeface="AA Zuehlke"/>
              </a:rPr>
              <a:t>, </a:t>
            </a:r>
            <a:r>
              <a:rPr lang="sr-Latn-RS" dirty="0" err="1">
                <a:latin typeface="AA Zuehlke"/>
              </a:rPr>
              <a:t>DevOps</a:t>
            </a:r>
            <a:r>
              <a:rPr lang="sr-Latn-RS" dirty="0">
                <a:latin typeface="AA Zuehlke"/>
              </a:rPr>
              <a:t>, PM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Ulaganje</a:t>
            </a:r>
            <a:r>
              <a:rPr lang="en-GB" dirty="0">
                <a:latin typeface="AA Zuehlke"/>
              </a:rPr>
              <a:t> u </a:t>
            </a:r>
            <a:r>
              <a:rPr lang="en-GB" dirty="0" err="1">
                <a:latin typeface="AA Zuehlke"/>
              </a:rPr>
              <a:t>profesionalni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razvoj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Plaće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praksa</a:t>
            </a:r>
            <a:r>
              <a:rPr lang="en-GB" dirty="0">
                <a:latin typeface="AA Zuehlke"/>
              </a:rPr>
              <a:t> (</a:t>
            </a:r>
            <a:r>
              <a:rPr lang="en-GB" dirty="0" err="1">
                <a:latin typeface="AA Zuehlke"/>
              </a:rPr>
              <a:t>povremeno</a:t>
            </a:r>
            <a:r>
              <a:rPr lang="en-GB" dirty="0">
                <a:latin typeface="AA Zuehlke"/>
              </a:rPr>
              <a:t>)</a:t>
            </a:r>
          </a:p>
          <a:p>
            <a:pPr marL="269875" lvl="1" indent="0">
              <a:buNone/>
            </a:pPr>
            <a:r>
              <a:rPr lang="en-GB" dirty="0" err="1">
                <a:latin typeface="AA Zuehlke"/>
              </a:rPr>
              <a:t>Nastavak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kao</a:t>
            </a:r>
            <a:r>
              <a:rPr lang="en-GB" dirty="0">
                <a:latin typeface="AA Zuehlke"/>
              </a:rPr>
              <a:t> junior in</a:t>
            </a:r>
            <a:r>
              <a:rPr lang="sr-Latn-RS" dirty="0" err="1">
                <a:latin typeface="AA Zuehlke"/>
              </a:rPr>
              <a:t>ženjer</a:t>
            </a:r>
            <a:endParaRPr lang="sr-Latn-RS" dirty="0">
              <a:latin typeface="AA Zuehlke"/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err="1"/>
              <a:t>Zuhlke</a:t>
            </a:r>
            <a:r>
              <a:rPr lang="en-GB"/>
              <a:t> Engineering </a:t>
            </a:r>
            <a:r>
              <a:rPr lang="en-GB" err="1"/>
              <a:t>d.o.o</a:t>
            </a:r>
            <a:r>
              <a:rPr lang="en-GB"/>
              <a:t>.</a:t>
            </a:r>
          </a:p>
        </p:txBody>
      </p:sp>
      <p:pic>
        <p:nvPicPr>
          <p:cNvPr id="10" name="Picture Placeholder 9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2" r="962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5604207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903" b="26903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Osnove XSS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93011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b="1" dirty="0"/>
              <a:t>Upozorenje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sr-Latn-RS" b="1" dirty="0"/>
              <a:t>Nemojte da pokušavate ove napade na javnim </a:t>
            </a:r>
            <a:r>
              <a:rPr lang="en-US" b="1" dirty="0" err="1"/>
              <a:t>serverima</a:t>
            </a:r>
            <a:r>
              <a:rPr lang="sr-Latn-RS" b="1" dirty="0"/>
              <a:t>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Prikazane metode za narušavanje informacione sigurnosti su protivzakonite kada se izvršavaju na sistemima koji nisu u vašoj kontroli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Svaka eventualna aktivnost koja koristi ove metode je isključiva odgovornost te osobe.</a:t>
            </a:r>
            <a:endParaRPr lang="en-US" dirty="0"/>
          </a:p>
          <a:p>
            <a:pPr marL="0" indent="0">
              <a:buNone/>
            </a:pP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26F681-80EC-4F49-9758-73B24D9BFB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218237"/>
            <a:ext cx="10515600" cy="1283772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pPr marL="0" indent="0">
              <a:buNone/>
            </a:pPr>
            <a:r>
              <a:rPr lang="en-US" dirty="0" err="1"/>
              <a:t>Ranjivost</a:t>
            </a:r>
            <a:r>
              <a:rPr lang="en-US" dirty="0"/>
              <a:t> </a:t>
            </a:r>
            <a:r>
              <a:rPr lang="en-US" dirty="0" err="1"/>
              <a:t>postoji</a:t>
            </a:r>
            <a:r>
              <a:rPr lang="en-US" dirty="0"/>
              <a:t> u </a:t>
            </a:r>
            <a:r>
              <a:rPr lang="en-US" dirty="0" err="1"/>
              <a:t>aplikacijama</a:t>
            </a:r>
            <a:r>
              <a:rPr lang="sr-Latn-RS" dirty="0"/>
              <a:t> koje</a:t>
            </a:r>
            <a:r>
              <a:rPr lang="en-U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prikazuju</a:t>
            </a:r>
            <a:r>
              <a:rPr lang="sr-Latn-RS" dirty="0"/>
              <a:t> podatke </a:t>
            </a:r>
            <a:r>
              <a:rPr lang="en-US" dirty="0" err="1"/>
              <a:t>unete</a:t>
            </a:r>
            <a:r>
              <a:rPr lang="sr-Latn-RS" dirty="0"/>
              <a:t> od strane </a:t>
            </a:r>
            <a:r>
              <a:rPr lang="sr-Latn-RS" b="1" dirty="0">
                <a:solidFill>
                  <a:schemeClr val="accent1"/>
                </a:solidFill>
              </a:rPr>
              <a:t>korisnika</a:t>
            </a:r>
            <a:r>
              <a:rPr lang="sr-Latn-RS" dirty="0"/>
              <a:t> bez pravilne </a:t>
            </a:r>
            <a:r>
              <a:rPr lang="sr-Latn-RS" b="1" dirty="0" err="1">
                <a:solidFill>
                  <a:schemeClr val="accent1"/>
                </a:solidFill>
              </a:rPr>
              <a:t>validacije</a:t>
            </a:r>
            <a:r>
              <a:rPr lang="sr-Latn-RS" dirty="0"/>
              <a:t> tog sadržaja.</a:t>
            </a:r>
            <a:endParaRPr lang="en-US" dirty="0"/>
          </a:p>
          <a:p>
            <a:pPr marL="0" indent="0">
              <a:buNone/>
            </a:pPr>
            <a:r>
              <a:rPr lang="sr-Latn-RS" dirty="0">
                <a:cs typeface="Calibri"/>
              </a:rPr>
              <a:t>XSS je napad na </a:t>
            </a:r>
            <a:r>
              <a:rPr lang="sr-Latn-RS" b="1" dirty="0">
                <a:solidFill>
                  <a:schemeClr val="accent1"/>
                </a:solidFill>
                <a:cs typeface="Calibri"/>
              </a:rPr>
              <a:t>pretraživač</a:t>
            </a:r>
            <a:r>
              <a:rPr lang="sr-Latn-RS" dirty="0">
                <a:cs typeface="Calibri"/>
              </a:rPr>
              <a:t> korisnika - ne na server.</a:t>
            </a: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5028972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tmi\AppData\Local\Templafy\AddIns\PowerPointVsto\cea571a1-1c03-4381-821f-252d2016779a.jpe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721941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1366762979509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875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DBD2680-70D0-4C51-A08B-61BC8374DFE9}">
  <we:reference id="f1abd87f-a3ba-42fb-91d5-100000000000" version="1.0.0.6" store="EXCatalog" storeType="EXCatalog"/>
  <we:alternateReferences>
    <we:reference id="WA104380278" version="1.0.0.6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6746835489847965","enableDocumentContentUpdater":true,"version":"1.0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TemplateConfiguration><![CDATA[{"elementsMetadata":[{"type":"shape","id":"359e6543-393c-4522-a6c5-1195870f270c","elementConfiguration":{"binding":"UserProfile.Name","disableUpdates":false,"type":"text"}},{"type":"shape","id":"60c2f554-5593-454c-9918-8078eecf97ec","elementConfiguration":{"binding":"Form.PresentationTitle","disableUpdates":false,"type":"text"}},{"type":"shape","id":"33cc71a9-070c-41bb-a7ea-ff87812ce4af","elementConfiguration":{"binding":"Form.Date","disableUpdates":false,"type":"date"}},{"type":"shape","id":"0924d0a2-dd32-4fe6-9a02-124a31256717","elementConfiguration":{"binding":"Form.Privacy_Information.PrivacyInformation","disableUpdates":false,"type":"text"}},{"type":"shape","id":"41bacecc-eb90-4775-a138-a5a37492f922","elementConfiguration":{"binding":"UserProfile.OFFICE.Company-spelling","disableUpdates":false,"type":"text"}},{"type":"shape","id":"78b9e44a-9dda-473b-8cd6-cc85a6f56a36","elementConfiguration":{"format":"{{DateFormats.CustomD}}","binding":"Form.Date","disableUpdates":false,"type":"date"}}],"transformationConfigurations":[],"templateName":"","templateDescription":"","enableDocumentContentUpdater":true,"version":"1.0"}]]></Templafy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395802573954873","enableDocumentContentUpdater":true,"version":"1.0"}]]></TemplafySlideTemplateConfiguration>
</file>

<file path=customXml/item6.xml><?xml version="1.0" encoding="utf-8"?>
<TemplafyFormConfiguration><![CDATA[{"formFields":[{"required":true,"helpTexts":{"prefix":"","postfix":""},"spacing":{},"type":"datePicker","name":"Date","label":"Date","fullyQualifiedName":"Date"},{"dataSource":"PrivacyInformation","displayColumn":"privacyInformation","filter":{"column":"iana","otherFieldName":"Language","fullyQualifiedOtherFieldName":"Language","otherFieldColumn":"iana","formReference":"userProfile","operator":"equals"},"hideIfNoUserInteractionRequired":false,"distinct":true,"required":false,"autoSelectFirstOption":false,"helpTexts":{"prefix":"","postfix":""},"spacing":{},"type":"dropDown","name":"Privacy_Information","label":"Privacy","fullyQualifiedName":"Privacy_Information"},{"required":true,"placeholder":"","lines":0,"helpTexts":{"prefix":"","postfix":""},"spacing":{},"type":"textBox","name":"PresentationTitle","label":"Presentation Title","fullyQualifiedName":"PresentationTitle"}],"formDataEntries":[{"name":"Date","value":"YtQWtUelXUddunZpWFIRAQ=="},{"name":"Privacy_Information","value":"dTZfrWfH8H8YJPdohlLfYw=="},{"name":"PresentationTitle","value":"AK/3Z9cFxGWWDL2MdQhJUu+KxZQUOzOWIZAius5liY8="}]}]]></Templafy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746835490785780","enableDocumentContentUpdater":true,"version":"1.0"}]]></TemplafySlideTemplateConfiguration>
</file>

<file path=customXml/itemProps1.xml><?xml version="1.0" encoding="utf-8"?>
<ds:datastoreItem xmlns:ds="http://schemas.openxmlformats.org/officeDocument/2006/customXml" ds:itemID="{368164A7-F89C-43F0-8856-0052CD65B349}">
  <ds:schemaRefs/>
</ds:datastoreItem>
</file>

<file path=customXml/itemProps2.xml><?xml version="1.0" encoding="utf-8"?>
<ds:datastoreItem xmlns:ds="http://schemas.openxmlformats.org/officeDocument/2006/customXml" ds:itemID="{067CD289-AAE9-47C2-A22E-4A438035E00B}">
  <ds:schemaRefs/>
</ds:datastoreItem>
</file>

<file path=customXml/itemProps3.xml><?xml version="1.0" encoding="utf-8"?>
<ds:datastoreItem xmlns:ds="http://schemas.openxmlformats.org/officeDocument/2006/customXml" ds:itemID="{25CE08FD-F7B6-4F54-8EBC-75735FE238C3}">
  <ds:schemaRefs/>
</ds:datastoreItem>
</file>

<file path=customXml/itemProps4.xml><?xml version="1.0" encoding="utf-8"?>
<ds:datastoreItem xmlns:ds="http://schemas.openxmlformats.org/officeDocument/2006/customXml" ds:itemID="{0AC1D0B4-1DEB-4C0F-978E-5206534EF19E}">
  <ds:schemaRefs/>
</ds:datastoreItem>
</file>

<file path=customXml/itemProps5.xml><?xml version="1.0" encoding="utf-8"?>
<ds:datastoreItem xmlns:ds="http://schemas.openxmlformats.org/officeDocument/2006/customXml" ds:itemID="{842D172F-72A1-4859-BC77-2CA436BA65BB}">
  <ds:schemaRefs/>
</ds:datastoreItem>
</file>

<file path=customXml/itemProps6.xml><?xml version="1.0" encoding="utf-8"?>
<ds:datastoreItem xmlns:ds="http://schemas.openxmlformats.org/officeDocument/2006/customXml" ds:itemID="{9117BA10-B137-4884-BAD1-8347BA164335}">
  <ds:schemaRefs/>
</ds:datastoreItem>
</file>

<file path=customXml/itemProps7.xml><?xml version="1.0" encoding="utf-8"?>
<ds:datastoreItem xmlns:ds="http://schemas.openxmlformats.org/officeDocument/2006/customXml" ds:itemID="{696AC032-368E-4ED0-A137-1756B573B50A}">
  <ds:schemaRefs/>
</ds:datastoreItem>
</file>

<file path=customXml/itemProps8.xml><?xml version="1.0" encoding="utf-8"?>
<ds:datastoreItem xmlns:ds="http://schemas.openxmlformats.org/officeDocument/2006/customXml" ds:itemID="{AD015CC6-9C14-457F-9E53-5CCE035BD8AD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5D7AA91</Template>
  <TotalTime>487</TotalTime>
  <Words>888</Words>
  <Application>Microsoft Office PowerPoint</Application>
  <PresentationFormat>Widescreen</PresentationFormat>
  <Paragraphs>185</Paragraphs>
  <Slides>34</Slides>
  <Notes>1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4</vt:i4>
      </vt:variant>
    </vt:vector>
  </HeadingPairs>
  <TitlesOfParts>
    <vt:vector size="42" baseType="lpstr">
      <vt:lpstr>Arial</vt:lpstr>
      <vt:lpstr>-apple-system</vt:lpstr>
      <vt:lpstr>Calibri</vt:lpstr>
      <vt:lpstr>AA Zuehlke</vt:lpstr>
      <vt:lpstr>AA Zuehlke Medium</vt:lpstr>
      <vt:lpstr>Symbol</vt:lpstr>
      <vt:lpstr>Courier New</vt:lpstr>
      <vt:lpstr>Zuehlke</vt:lpstr>
      <vt:lpstr>Cross-site scripting (XSS)</vt:lpstr>
      <vt:lpstr>PowerPoint Presentation</vt:lpstr>
      <vt:lpstr>PowerPoint Presentation</vt:lpstr>
      <vt:lpstr>Da se upoznamo</vt:lpstr>
      <vt:lpstr>Ko smo mi</vt:lpstr>
      <vt:lpstr>Ko smo mi</vt:lpstr>
      <vt:lpstr>PowerPoint Presentation</vt:lpstr>
      <vt:lpstr>Upozorenje</vt:lpstr>
      <vt:lpstr>XSS</vt:lpstr>
      <vt:lpstr>XSS</vt:lpstr>
      <vt:lpstr>XSS vrste</vt:lpstr>
      <vt:lpstr>Uskladišteni XSS</vt:lpstr>
      <vt:lpstr>PowerPoint Presentation</vt:lpstr>
      <vt:lpstr>Posledice</vt:lpstr>
      <vt:lpstr>PowerPoint Presentation</vt:lpstr>
      <vt:lpstr>Kako narušiti sigurnost sistema pomoću XSSa?</vt:lpstr>
      <vt:lpstr>PowerPoint Presentation</vt:lpstr>
      <vt:lpstr>PowerPoint Presentation</vt:lpstr>
      <vt:lpstr>Server sesija</vt:lpstr>
      <vt:lpstr>Server sesija</vt:lpstr>
      <vt:lpstr>HTML</vt:lpstr>
      <vt:lpstr>JavaScript</vt:lpstr>
      <vt:lpstr>REST zahtevi</vt:lpstr>
      <vt:lpstr>PowerPoint Presentation</vt:lpstr>
      <vt:lpstr>Instrukcije</vt:lpstr>
      <vt:lpstr>Scena zločina</vt:lpstr>
      <vt:lpstr>PowerPoint Presentation</vt:lpstr>
      <vt:lpstr>PowerPoint Presentation</vt:lpstr>
      <vt:lpstr>Zaštita</vt:lpstr>
      <vt:lpstr>Sanitizacija</vt:lpstr>
      <vt:lpstr>Sanitizacija kroz framework</vt:lpstr>
      <vt:lpstr>PowerPoint Presentation</vt:lpstr>
      <vt:lpstr>PowerPoint Presentation</vt:lpstr>
      <vt:lpstr>PowerPoint Presentation</vt:lpstr>
    </vt:vector>
  </TitlesOfParts>
  <Company>Zuehlke Engineering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oss-site scripting (XSS)</dc:title>
  <dc:creator>Starcevic, Milan</dc:creator>
  <dc:description>Template is part of Tempalfy-Zuehlke</dc:description>
  <cp:lastModifiedBy>Starcevic, Milan</cp:lastModifiedBy>
  <cp:revision>72</cp:revision>
  <dcterms:created xsi:type="dcterms:W3CDTF">2022-05-07T14:58:19Z</dcterms:created>
  <dcterms:modified xsi:type="dcterms:W3CDTF">2022-05-13T20:46:52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22T11:00:18.8607773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57199466695</vt:lpwstr>
  </property>
  <property fmtid="{D5CDD505-2E9C-101B-9397-08002B2CF9AE}" pid="6" name="TemplafyLanguageCode">
    <vt:lpwstr>en-GB</vt:lpwstr>
  </property>
</Properties>
</file>